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1169\2025_05労働統計課\02毎月勤労統計\01　2025年度\08 報告書（月報、年報、賞与）\01 月報\R7.11月分\04 公表資料\CMS用\R7.11月分HP掲載用\"/>
    </mc:Choice>
  </mc:AlternateContent>
  <xr:revisionPtr revIDLastSave="0" documentId="13_ncr:1_{A13ECBCA-F620-4097-B8EF-FC432D5708EE}" xr6:coauthVersionLast="47" xr6:coauthVersionMax="47" xr10:uidLastSave="{00000000-0000-0000-0000-000000000000}"/>
  <bookViews>
    <workbookView xWindow="3165" yWindow="2340" windowWidth="21600" windowHeight="13050" xr2:uid="{E3EEA4A7-0012-4EA8-8B17-D2F31FE45405}"/>
  </bookViews>
  <sheets>
    <sheet name="第1表" sheetId="36" r:id="rId1"/>
    <sheet name="第2-1表" sheetId="37" r:id="rId2"/>
    <sheet name="第2-2表" sheetId="38" r:id="rId3"/>
    <sheet name="第3-1表" sheetId="39" r:id="rId4"/>
    <sheet name="第3-2表" sheetId="40" r:id="rId5"/>
    <sheet name="第4-1表" sheetId="41" r:id="rId6"/>
    <sheet name="第4-2表" sheetId="42" r:id="rId7"/>
    <sheet name="第5-1表" sheetId="43" r:id="rId8"/>
    <sheet name="第5-2表" sheetId="44" r:id="rId9"/>
    <sheet name="第6-1表" sheetId="45" r:id="rId10"/>
    <sheet name="第6-2表" sheetId="46" r:id="rId11"/>
    <sheet name="第6-3表" sheetId="47" r:id="rId12"/>
    <sheet name="第6-4表" sheetId="48" r:id="rId13"/>
    <sheet name="第7-1表" sheetId="49" r:id="rId14"/>
    <sheet name="第7-2表" sheetId="50" r:id="rId15"/>
    <sheet name="第7-3表" sheetId="51" r:id="rId16"/>
    <sheet name="第8表" sheetId="52" r:id="rId17"/>
    <sheet name="参考資料" sheetId="54" r:id="rId18"/>
  </sheets>
  <definedNames>
    <definedName name="_xlnm.Print_Area" localSheetId="17">参考資料!$A$1:$J$43</definedName>
    <definedName name="_xlnm.Print_Area" localSheetId="0">第1表!$A$1:$AT$61</definedName>
    <definedName name="_xlnm.Print_Area" localSheetId="1">'第2-1表'!$A$1:$O$48</definedName>
    <definedName name="_xlnm.Print_Area" localSheetId="2">'第2-2表'!$A$1:$O$48</definedName>
    <definedName name="_xlnm.Print_Area" localSheetId="3">'第3-1表'!$A$1:$P$48</definedName>
    <definedName name="_xlnm.Print_Area" localSheetId="4">'第3-2表'!$A$1:$P$48</definedName>
    <definedName name="_xlnm.Print_Area" localSheetId="5">'第4-1表'!$A$1:$S$47</definedName>
    <definedName name="_xlnm.Print_Area" localSheetId="6">'第4-2表'!$A$1:$S$47</definedName>
    <definedName name="_xlnm.Print_Area" localSheetId="7">'第5-1表'!$A$1:$S$24</definedName>
    <definedName name="_xlnm.Print_Area" localSheetId="8">'第5-2表'!$A$1:$S$24</definedName>
    <definedName name="_xlnm.Print_Area" localSheetId="9">'第6-1表'!$A$1:$AJ$50</definedName>
    <definedName name="_xlnm.Print_Area" localSheetId="10">'第6-2表'!$A$1:$AJ$50</definedName>
    <definedName name="_xlnm.Print_Area" localSheetId="11">'第6-3表'!$A$1:$AJ$50</definedName>
    <definedName name="_xlnm.Print_Area" localSheetId="12">'第6-4表'!$A$1:$AJ$50</definedName>
    <definedName name="_xlnm.Print_Area" localSheetId="13">'第7-1表'!$A$1:$AJ$50</definedName>
    <definedName name="_xlnm.Print_Area" localSheetId="14">'第7-2表'!$A$1:$AJ$50</definedName>
    <definedName name="_xlnm.Print_Area" localSheetId="15">'第7-3表'!$A$1:$AJ$50</definedName>
    <definedName name="_xlnm.Print_Area" localSheetId="16">第8表!$A$1:$AJ$50</definedName>
    <definedName name="Z_E9C96189_40EE_4CA5_9278_CBDCBEA98A3A_.wvu.PrintArea" localSheetId="0" hidden="1">第1表!$A$3:$M$61</definedName>
    <definedName name="Z_E9C96189_40EE_4CA5_9278_CBDCBEA98A3A_.wvu.PrintArea" localSheetId="7" hidden="1">'第5-1表'!$A$1:$S$26</definedName>
    <definedName name="第１表2011年10月分">#REF!</definedName>
    <definedName name="第１表2011年11月分">#REF!</definedName>
    <definedName name="第１表2011年１月分">#REF!</definedName>
    <definedName name="第１表2011年２月分">#REF!</definedName>
    <definedName name="第１表2011年３月分">#REF!</definedName>
    <definedName name="第１表2011年４月分">#REF!</definedName>
    <definedName name="第１表2011年５月分">#REF!</definedName>
    <definedName name="第１表2011年６月分">#REF!</definedName>
    <definedName name="第１表2011年７月分">#REF!</definedName>
    <definedName name="第１表2011年８月分">#REF!</definedName>
    <definedName name="第１表2011年９月分">#REF!</definedName>
    <definedName name="第５表の１2011年10月分">#REF!</definedName>
    <definedName name="第５表の１2011年11月分">#REF!</definedName>
    <definedName name="第５表の１2011年12月分">#REF!</definedName>
    <definedName name="第５表の１2011年１月分">#REF!</definedName>
    <definedName name="第５表の１2011年２月分">#REF!</definedName>
    <definedName name="第５表の１2011年３月分">#REF!</definedName>
    <definedName name="第５表の１2011年４月分">#REF!</definedName>
    <definedName name="第５表の１2011年５月分">#REF!</definedName>
    <definedName name="第５表の１2011年６月分">#REF!</definedName>
    <definedName name="第５表の１2011年７月分">#REF!</definedName>
    <definedName name="第５表の１2011年８月分">#REF!</definedName>
    <definedName name="第５表の１2011年９月分">#REF!</definedName>
    <definedName name="第５表の２2011年10月分">#REF!</definedName>
    <definedName name="第５表の２2011年11月分">#REF!</definedName>
    <definedName name="第５表の２2011年12月分">#REF!</definedName>
    <definedName name="第５表の２2011年１月分">#REF!</definedName>
    <definedName name="第５表の２2011年２月分">#REF!</definedName>
    <definedName name="第５表の２2011年３月分">#REF!</definedName>
    <definedName name="第５表の２2011年４月分">#REF!</definedName>
    <definedName name="第５表の２2011年５月分">#REF!</definedName>
    <definedName name="第５表の２2011年６月分">#REF!</definedName>
    <definedName name="第５表の２2011年７月分">#REF!</definedName>
    <definedName name="第５表の２2011年８月分">#REF!</definedName>
    <definedName name="第５表の２2011年９月分">#REF!</definedName>
    <definedName name="平成23年１月">#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263" uniqueCount="288">
  <si>
    <t/>
  </si>
  <si>
    <t>建設業</t>
    <rPh sb="0" eb="2">
      <t>ケンセツ</t>
    </rPh>
    <rPh sb="2" eb="3">
      <t>ギョウ</t>
    </rPh>
    <phoneticPr fontId="3"/>
  </si>
  <si>
    <t>製造業</t>
    <rPh sb="0" eb="3">
      <t>セイゾウギョウ</t>
    </rPh>
    <phoneticPr fontId="3"/>
  </si>
  <si>
    <t>電気・ガス・熱供給・水道業</t>
    <rPh sb="0" eb="2">
      <t>デンキ</t>
    </rPh>
    <rPh sb="6" eb="7">
      <t>ネツ</t>
    </rPh>
    <rPh sb="7" eb="9">
      <t>キョウキュウ</t>
    </rPh>
    <rPh sb="10" eb="13">
      <t>スイドウギョウ</t>
    </rPh>
    <phoneticPr fontId="3"/>
  </si>
  <si>
    <t>情報通信業</t>
    <rPh sb="0" eb="2">
      <t>ジョウホウ</t>
    </rPh>
    <rPh sb="2" eb="5">
      <t>ツウシンギョウ</t>
    </rPh>
    <phoneticPr fontId="3"/>
  </si>
  <si>
    <t>運輸業,郵便業</t>
    <rPh sb="0" eb="2">
      <t>ウンユ</t>
    </rPh>
    <rPh sb="2" eb="3">
      <t>ギョウ</t>
    </rPh>
    <rPh sb="4" eb="6">
      <t>ユウビン</t>
    </rPh>
    <rPh sb="6" eb="7">
      <t>ワザ</t>
    </rPh>
    <phoneticPr fontId="3"/>
  </si>
  <si>
    <t>卸売業,小売業</t>
    <rPh sb="0" eb="1">
      <t>オロシ</t>
    </rPh>
    <rPh sb="1" eb="2">
      <t>ウ</t>
    </rPh>
    <rPh sb="2" eb="3">
      <t>ワザ</t>
    </rPh>
    <rPh sb="4" eb="7">
      <t>コウリギョウ</t>
    </rPh>
    <phoneticPr fontId="3"/>
  </si>
  <si>
    <t>金融業,保険業</t>
    <rPh sb="0" eb="2">
      <t>キンユウ</t>
    </rPh>
    <rPh sb="2" eb="3">
      <t>ワザ</t>
    </rPh>
    <rPh sb="4" eb="7">
      <t>ホケンギョウ</t>
    </rPh>
    <phoneticPr fontId="3"/>
  </si>
  <si>
    <t>不動産業,物品賃貸業</t>
    <rPh sb="0" eb="3">
      <t>フドウサン</t>
    </rPh>
    <rPh sb="3" eb="4">
      <t>ギョウ</t>
    </rPh>
    <rPh sb="5" eb="7">
      <t>ブッピン</t>
    </rPh>
    <rPh sb="7" eb="10">
      <t>チンタイギョウ</t>
    </rPh>
    <phoneticPr fontId="3"/>
  </si>
  <si>
    <t>学術研究,専門・技術サービス業</t>
    <rPh sb="0" eb="2">
      <t>ガクジュツ</t>
    </rPh>
    <rPh sb="2" eb="4">
      <t>ケンキュウ</t>
    </rPh>
    <rPh sb="5" eb="7">
      <t>センモン</t>
    </rPh>
    <rPh sb="8" eb="10">
      <t>ギジュツ</t>
    </rPh>
    <rPh sb="14" eb="15">
      <t>ワザ</t>
    </rPh>
    <phoneticPr fontId="3"/>
  </si>
  <si>
    <t>宿泊業,飲食サービス業</t>
    <rPh sb="0" eb="2">
      <t>シュクハク</t>
    </rPh>
    <rPh sb="2" eb="3">
      <t>ギョウ</t>
    </rPh>
    <rPh sb="4" eb="6">
      <t>インショク</t>
    </rPh>
    <rPh sb="10" eb="11">
      <t>ギョウ</t>
    </rPh>
    <phoneticPr fontId="3"/>
  </si>
  <si>
    <t>生活関連サービス業,娯楽業</t>
    <rPh sb="0" eb="2">
      <t>セイカツ</t>
    </rPh>
    <rPh sb="2" eb="4">
      <t>カンレン</t>
    </rPh>
    <rPh sb="8" eb="9">
      <t>ギョウ</t>
    </rPh>
    <rPh sb="10" eb="13">
      <t>ゴラクギョウ</t>
    </rPh>
    <phoneticPr fontId="3"/>
  </si>
  <si>
    <t>教育,学習支援業</t>
    <rPh sb="0" eb="2">
      <t>キョウイク</t>
    </rPh>
    <rPh sb="3" eb="5">
      <t>ガクシュウ</t>
    </rPh>
    <rPh sb="5" eb="7">
      <t>シエン</t>
    </rPh>
    <rPh sb="7" eb="8">
      <t>ギョウ</t>
    </rPh>
    <phoneticPr fontId="3"/>
  </si>
  <si>
    <t>医療，福祉</t>
    <rPh sb="0" eb="2">
      <t>イリョウ</t>
    </rPh>
    <rPh sb="3" eb="5">
      <t>フクシ</t>
    </rPh>
    <phoneticPr fontId="3"/>
  </si>
  <si>
    <t>複合サービス事業</t>
    <rPh sb="0" eb="2">
      <t>フクゴウ</t>
    </rPh>
    <rPh sb="6" eb="8">
      <t>ジギョウ</t>
    </rPh>
    <phoneticPr fontId="3"/>
  </si>
  <si>
    <t>サービス業</t>
    <rPh sb="4" eb="5">
      <t>ギョウ</t>
    </rPh>
    <phoneticPr fontId="3"/>
  </si>
  <si>
    <t>食料品・たばこ</t>
    <rPh sb="0" eb="2">
      <t>ショクリョウ</t>
    </rPh>
    <rPh sb="2" eb="3">
      <t>ヒン</t>
    </rPh>
    <phoneticPr fontId="3"/>
  </si>
  <si>
    <t>繊維工業</t>
    <rPh sb="0" eb="2">
      <t>センイ</t>
    </rPh>
    <rPh sb="2" eb="4">
      <t>コウギョウ</t>
    </rPh>
    <phoneticPr fontId="3"/>
  </si>
  <si>
    <t>家具・装備品</t>
    <rPh sb="0" eb="2">
      <t>カグ</t>
    </rPh>
    <rPh sb="3" eb="6">
      <t>ソウビヒン</t>
    </rPh>
    <phoneticPr fontId="3"/>
  </si>
  <si>
    <t>×</t>
  </si>
  <si>
    <t>パルプ･紙</t>
    <rPh sb="4" eb="5">
      <t>カミ</t>
    </rPh>
    <phoneticPr fontId="3"/>
  </si>
  <si>
    <t>印刷・同関連業</t>
    <rPh sb="0" eb="2">
      <t>インサツ</t>
    </rPh>
    <rPh sb="3" eb="4">
      <t>ドウ</t>
    </rPh>
    <rPh sb="4" eb="6">
      <t>カンレン</t>
    </rPh>
    <rPh sb="6" eb="7">
      <t>ギョウ</t>
    </rPh>
    <phoneticPr fontId="3"/>
  </si>
  <si>
    <t>化学、石油・石炭</t>
    <rPh sb="0" eb="2">
      <t>カガク</t>
    </rPh>
    <rPh sb="3" eb="5">
      <t>セキユ</t>
    </rPh>
    <rPh sb="6" eb="8">
      <t>セキタン</t>
    </rPh>
    <phoneticPr fontId="3"/>
  </si>
  <si>
    <t>プラスチック製品</t>
    <rPh sb="6" eb="8">
      <t>セイヒン</t>
    </rPh>
    <phoneticPr fontId="3"/>
  </si>
  <si>
    <t>ゴム製品</t>
    <rPh sb="2" eb="4">
      <t>セイヒン</t>
    </rPh>
    <phoneticPr fontId="3"/>
  </si>
  <si>
    <t>窯業・土石製品</t>
    <rPh sb="0" eb="2">
      <t>ヨウギョウ</t>
    </rPh>
    <rPh sb="3" eb="5">
      <t>ドセキ</t>
    </rPh>
    <rPh sb="5" eb="7">
      <t>セイヒン</t>
    </rPh>
    <phoneticPr fontId="3"/>
  </si>
  <si>
    <t>鉄鋼業</t>
    <rPh sb="0" eb="2">
      <t>テッコウ</t>
    </rPh>
    <rPh sb="2" eb="3">
      <t>ワザ</t>
    </rPh>
    <phoneticPr fontId="3"/>
  </si>
  <si>
    <t>非鉄金属製造業</t>
    <rPh sb="0" eb="2">
      <t>ヒテツ</t>
    </rPh>
    <rPh sb="2" eb="4">
      <t>キンゾク</t>
    </rPh>
    <rPh sb="4" eb="7">
      <t>セイゾウギョウ</t>
    </rPh>
    <phoneticPr fontId="3"/>
  </si>
  <si>
    <t>金属製品製造業</t>
    <rPh sb="0" eb="2">
      <t>キンゾク</t>
    </rPh>
    <rPh sb="2" eb="4">
      <t>セイヒン</t>
    </rPh>
    <rPh sb="4" eb="7">
      <t>セイゾウギョウ</t>
    </rPh>
    <phoneticPr fontId="3"/>
  </si>
  <si>
    <t>はん用機械器具</t>
    <rPh sb="2" eb="3">
      <t>ヨウ</t>
    </rPh>
    <rPh sb="3" eb="5">
      <t>キカイ</t>
    </rPh>
    <rPh sb="5" eb="7">
      <t>キグ</t>
    </rPh>
    <phoneticPr fontId="3"/>
  </si>
  <si>
    <t>生産用機械器具</t>
    <rPh sb="0" eb="3">
      <t>セイサンヨウ</t>
    </rPh>
    <rPh sb="3" eb="5">
      <t>キカイ</t>
    </rPh>
    <rPh sb="5" eb="7">
      <t>キグ</t>
    </rPh>
    <phoneticPr fontId="3"/>
  </si>
  <si>
    <t>業務用機械器具</t>
    <rPh sb="0" eb="3">
      <t>ギョウムヨウ</t>
    </rPh>
    <rPh sb="3" eb="5">
      <t>キカイ</t>
    </rPh>
    <rPh sb="5" eb="7">
      <t>キグ</t>
    </rPh>
    <phoneticPr fontId="3"/>
  </si>
  <si>
    <t>電子・デバイス</t>
    <rPh sb="0" eb="2">
      <t>デンシ</t>
    </rPh>
    <phoneticPr fontId="3"/>
  </si>
  <si>
    <t>電気機械器具</t>
    <rPh sb="0" eb="2">
      <t>デンキ</t>
    </rPh>
    <rPh sb="2" eb="4">
      <t>キカイ</t>
    </rPh>
    <rPh sb="4" eb="6">
      <t>キグ</t>
    </rPh>
    <phoneticPr fontId="3"/>
  </si>
  <si>
    <t>情報通信機械器具</t>
    <rPh sb="0" eb="2">
      <t>ジョウホウ</t>
    </rPh>
    <rPh sb="2" eb="4">
      <t>ツウシン</t>
    </rPh>
    <rPh sb="4" eb="6">
      <t>キカイ</t>
    </rPh>
    <rPh sb="6" eb="8">
      <t>キグ</t>
    </rPh>
    <phoneticPr fontId="3"/>
  </si>
  <si>
    <t>輸送用機械器具</t>
    <rPh sb="0" eb="3">
      <t>ユソウヨウ</t>
    </rPh>
    <rPh sb="3" eb="5">
      <t>キカイ</t>
    </rPh>
    <rPh sb="5" eb="7">
      <t>キグ</t>
    </rPh>
    <phoneticPr fontId="3"/>
  </si>
  <si>
    <t>Ｅ一括分</t>
    <rPh sb="1" eb="3">
      <t>イッカツ</t>
    </rPh>
    <rPh sb="3" eb="4">
      <t>ブン</t>
    </rPh>
    <phoneticPr fontId="3"/>
  </si>
  <si>
    <t>医療業</t>
    <rPh sb="0" eb="2">
      <t>イリョウ</t>
    </rPh>
    <rPh sb="2" eb="3">
      <t>ギョウ</t>
    </rPh>
    <phoneticPr fontId="3"/>
  </si>
  <si>
    <t>きまって支給する給与</t>
    <rPh sb="4" eb="6">
      <t>シキュウ</t>
    </rPh>
    <rPh sb="8" eb="10">
      <t>キュウヨ</t>
    </rPh>
    <phoneticPr fontId="3"/>
  </si>
  <si>
    <t>円</t>
    <rPh sb="0" eb="1">
      <t>エン</t>
    </rPh>
    <phoneticPr fontId="3"/>
  </si>
  <si>
    <t>所定外労働時間</t>
    <rPh sb="0" eb="2">
      <t>ショテイ</t>
    </rPh>
    <rPh sb="2" eb="3">
      <t>ガイ</t>
    </rPh>
    <rPh sb="3" eb="5">
      <t>ロウドウ</t>
    </rPh>
    <rPh sb="5" eb="7">
      <t>ジカン</t>
    </rPh>
    <phoneticPr fontId="3"/>
  </si>
  <si>
    <t>時間</t>
    <rPh sb="0" eb="2">
      <t>ジカン</t>
    </rPh>
    <phoneticPr fontId="3"/>
  </si>
  <si>
    <t>現金給与総額</t>
    <rPh sb="0" eb="2">
      <t>ゲンキン</t>
    </rPh>
    <rPh sb="2" eb="4">
      <t>キュウヨ</t>
    </rPh>
    <rPh sb="4" eb="6">
      <t>ソウガク</t>
    </rPh>
    <phoneticPr fontId="3"/>
  </si>
  <si>
    <t>総実労働時間</t>
    <rPh sb="0" eb="1">
      <t>ソウ</t>
    </rPh>
    <rPh sb="1" eb="2">
      <t>ジツ</t>
    </rPh>
    <rPh sb="2" eb="4">
      <t>ロウドウ</t>
    </rPh>
    <rPh sb="4" eb="6">
      <t>ジカン</t>
    </rPh>
    <phoneticPr fontId="3"/>
  </si>
  <si>
    <t>％</t>
    <phoneticPr fontId="3"/>
  </si>
  <si>
    <t>統計表</t>
    <rPh sb="0" eb="1">
      <t>オサム</t>
    </rPh>
    <rPh sb="1" eb="2">
      <t>ケイ</t>
    </rPh>
    <rPh sb="2" eb="3">
      <t>オモテ</t>
    </rPh>
    <phoneticPr fontId="3"/>
  </si>
  <si>
    <t>第1表　　　事業所規模別状況</t>
    <rPh sb="0" eb="1">
      <t>ダイ</t>
    </rPh>
    <rPh sb="2" eb="3">
      <t>ヒョウ</t>
    </rPh>
    <rPh sb="6" eb="7">
      <t>コト</t>
    </rPh>
    <rPh sb="7" eb="8">
      <t>ギョウ</t>
    </rPh>
    <rPh sb="8" eb="9">
      <t>トコロ</t>
    </rPh>
    <rPh sb="9" eb="10">
      <t>キ</t>
    </rPh>
    <rPh sb="10" eb="11">
      <t>ノット</t>
    </rPh>
    <rPh sb="11" eb="12">
      <t>ベツ</t>
    </rPh>
    <rPh sb="12" eb="13">
      <t>ジョウ</t>
    </rPh>
    <rPh sb="13" eb="14">
      <t>イワン</t>
    </rPh>
    <phoneticPr fontId="3"/>
  </si>
  <si>
    <t>現金給与総額</t>
    <rPh sb="0" eb="1">
      <t>ウツツ</t>
    </rPh>
    <rPh sb="1" eb="2">
      <t>キン</t>
    </rPh>
    <rPh sb="2" eb="3">
      <t>キュウ</t>
    </rPh>
    <rPh sb="3" eb="4">
      <t>クミ</t>
    </rPh>
    <rPh sb="4" eb="5">
      <t>フサ</t>
    </rPh>
    <rPh sb="5" eb="6">
      <t>ガク</t>
    </rPh>
    <phoneticPr fontId="3"/>
  </si>
  <si>
    <t>事業所規模</t>
    <phoneticPr fontId="3"/>
  </si>
  <si>
    <t>きまって
支給する給与</t>
    <rPh sb="5" eb="7">
      <t>シキュウ</t>
    </rPh>
    <rPh sb="9" eb="11">
      <t>キュウヨ</t>
    </rPh>
    <phoneticPr fontId="3"/>
  </si>
  <si>
    <t>特別に支払
われた給与</t>
    <rPh sb="0" eb="2">
      <t>トクベツ</t>
    </rPh>
    <rPh sb="3" eb="5">
      <t>シハラ</t>
    </rPh>
    <phoneticPr fontId="3"/>
  </si>
  <si>
    <t>所定内給与</t>
    <rPh sb="0" eb="1">
      <t>トコロ</t>
    </rPh>
    <rPh sb="1" eb="2">
      <t>サダム</t>
    </rPh>
    <rPh sb="2" eb="3">
      <t>ウチ</t>
    </rPh>
    <rPh sb="3" eb="4">
      <t>キュウ</t>
    </rPh>
    <rPh sb="4" eb="5">
      <t>クミ</t>
    </rPh>
    <phoneticPr fontId="3"/>
  </si>
  <si>
    <t>所定外給与</t>
    <rPh sb="0" eb="1">
      <t>トコロ</t>
    </rPh>
    <rPh sb="1" eb="2">
      <t>サダム</t>
    </rPh>
    <rPh sb="2" eb="3">
      <t>ガイ</t>
    </rPh>
    <rPh sb="3" eb="4">
      <t>キュウ</t>
    </rPh>
    <rPh sb="4" eb="5">
      <t>クミ</t>
    </rPh>
    <phoneticPr fontId="3"/>
  </si>
  <si>
    <t>前年同月比</t>
    <rPh sb="0" eb="5">
      <t>ゼンネンドウゲツヒ</t>
    </rPh>
    <phoneticPr fontId="3"/>
  </si>
  <si>
    <t>５人以上計</t>
    <rPh sb="1" eb="2">
      <t>ニン</t>
    </rPh>
    <rPh sb="2" eb="4">
      <t>イジョウ</t>
    </rPh>
    <rPh sb="4" eb="5">
      <t>ケイ</t>
    </rPh>
    <phoneticPr fontId="3"/>
  </si>
  <si>
    <t>30人以上計</t>
    <rPh sb="2" eb="3">
      <t>ニン</t>
    </rPh>
    <rPh sb="3" eb="5">
      <t>イジョウ</t>
    </rPh>
    <rPh sb="5" eb="6">
      <t>ケイ</t>
    </rPh>
    <phoneticPr fontId="3"/>
  </si>
  <si>
    <t>500人以上</t>
    <rPh sb="3" eb="4">
      <t>ニン</t>
    </rPh>
    <rPh sb="4" eb="6">
      <t>イジョウ</t>
    </rPh>
    <phoneticPr fontId="3"/>
  </si>
  <si>
    <t>100～499人</t>
    <rPh sb="7" eb="8">
      <t>ニン</t>
    </rPh>
    <phoneticPr fontId="3"/>
  </si>
  <si>
    <t>30～99人</t>
    <rPh sb="5" eb="6">
      <t>ニン</t>
    </rPh>
    <phoneticPr fontId="3"/>
  </si>
  <si>
    <t>５～29人</t>
    <rPh sb="4" eb="5">
      <t>ニン</t>
    </rPh>
    <phoneticPr fontId="3"/>
  </si>
  <si>
    <t>出勤日数</t>
    <rPh sb="0" eb="4">
      <t>シュッキンニッスウ</t>
    </rPh>
    <phoneticPr fontId="3"/>
  </si>
  <si>
    <t>総実労働時間</t>
    <rPh sb="0" eb="6">
      <t>ソウジツロウドウジカン</t>
    </rPh>
    <phoneticPr fontId="3"/>
  </si>
  <si>
    <t>事業所規模</t>
    <rPh sb="0" eb="5">
      <t>ジギョウショキボ</t>
    </rPh>
    <phoneticPr fontId="3"/>
  </si>
  <si>
    <t>所定内労働時間</t>
    <rPh sb="0" eb="7">
      <t>ショテイナイロウドウジカン</t>
    </rPh>
    <phoneticPr fontId="3"/>
  </si>
  <si>
    <t>所定外労働時間</t>
    <rPh sb="0" eb="7">
      <t>ショテイガイロウドウジカン</t>
    </rPh>
    <phoneticPr fontId="3"/>
  </si>
  <si>
    <t>日</t>
    <rPh sb="0" eb="1">
      <t>ヒ</t>
    </rPh>
    <phoneticPr fontId="3"/>
  </si>
  <si>
    <t>常用労働者数</t>
    <rPh sb="0" eb="6">
      <t>ジョウヨウロウドウシャスウ</t>
    </rPh>
    <phoneticPr fontId="3"/>
  </si>
  <si>
    <t>労働異動率</t>
    <rPh sb="0" eb="5">
      <t>ロウドウイドウリツ</t>
    </rPh>
    <phoneticPr fontId="3"/>
  </si>
  <si>
    <t>ﾊﾟｰﾄﾀｲﾑ労働者数</t>
    <rPh sb="7" eb="10">
      <t>ロウドウシャ</t>
    </rPh>
    <rPh sb="10" eb="11">
      <t>スウ</t>
    </rPh>
    <phoneticPr fontId="3"/>
  </si>
  <si>
    <t>入職率</t>
    <rPh sb="0" eb="3">
      <t>ニュウショクリツ</t>
    </rPh>
    <phoneticPr fontId="3"/>
  </si>
  <si>
    <t>離職率</t>
    <rPh sb="0" eb="3">
      <t>リショクリツ</t>
    </rPh>
    <phoneticPr fontId="3"/>
  </si>
  <si>
    <t xml:space="preserve">比率  </t>
    <rPh sb="0" eb="2">
      <t>ヒリツ</t>
    </rPh>
    <phoneticPr fontId="3"/>
  </si>
  <si>
    <t xml:space="preserve">前年同月差 </t>
    <rPh sb="0" eb="2">
      <t>ゼンネン</t>
    </rPh>
    <rPh sb="2" eb="4">
      <t>ドウゲツ</t>
    </rPh>
    <rPh sb="4" eb="5">
      <t>サ</t>
    </rPh>
    <phoneticPr fontId="3"/>
  </si>
  <si>
    <t>人</t>
    <rPh sb="0" eb="1">
      <t>ニン</t>
    </rPh>
    <phoneticPr fontId="3"/>
  </si>
  <si>
    <t>ポイント</t>
    <phoneticPr fontId="3"/>
  </si>
  <si>
    <t>調査産業計</t>
  </si>
  <si>
    <t>- 8 -</t>
    <phoneticPr fontId="3"/>
  </si>
  <si>
    <t>第２－１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５人以上）</t>
    <rPh sb="1" eb="4">
      <t>ジギョウショ</t>
    </rPh>
    <rPh sb="4" eb="6">
      <t>キボ</t>
    </rPh>
    <rPh sb="8" eb="9">
      <t>ニン</t>
    </rPh>
    <rPh sb="9" eb="11">
      <t>イジョウ</t>
    </rPh>
    <phoneticPr fontId="3"/>
  </si>
  <si>
    <t>(単位：円）</t>
    <rPh sb="1" eb="3">
      <t>タンイ</t>
    </rPh>
    <rPh sb="4" eb="5">
      <t>エン</t>
    </rPh>
    <phoneticPr fontId="3"/>
  </si>
  <si>
    <t>産　　　　　業</t>
    <rPh sb="0" eb="1">
      <t>サン</t>
    </rPh>
    <rPh sb="6" eb="7">
      <t>ギョウ</t>
    </rPh>
    <phoneticPr fontId="3"/>
  </si>
  <si>
    <t>計</t>
    <rPh sb="0" eb="1">
      <t>ケイ</t>
    </rPh>
    <phoneticPr fontId="3"/>
  </si>
  <si>
    <t>男性</t>
    <rPh sb="0" eb="2">
      <t>ダンセイ</t>
    </rPh>
    <phoneticPr fontId="3"/>
  </si>
  <si>
    <t>女性</t>
    <rPh sb="0" eb="2">
      <t>ジョセイ</t>
    </rPh>
    <phoneticPr fontId="3"/>
  </si>
  <si>
    <t>産　業</t>
    <rPh sb="0" eb="1">
      <t>サン</t>
    </rPh>
    <rPh sb="2" eb="3">
      <t>ギョウ</t>
    </rPh>
    <phoneticPr fontId="3"/>
  </si>
  <si>
    <t>きまって支給
する給与</t>
    <rPh sb="4" eb="5">
      <t>シ</t>
    </rPh>
    <rPh sb="5" eb="6">
      <t>キュウ</t>
    </rPh>
    <rPh sb="9" eb="11">
      <t>キュウヨ</t>
    </rPh>
    <phoneticPr fontId="3"/>
  </si>
  <si>
    <t>特別に支払
われた給与</t>
    <rPh sb="0" eb="2">
      <t>トクベツ</t>
    </rPh>
    <rPh sb="3" eb="5">
      <t>シハラ</t>
    </rPh>
    <rPh sb="9" eb="11">
      <t>キュウヨ</t>
    </rPh>
    <phoneticPr fontId="3"/>
  </si>
  <si>
    <t>所定内給与</t>
    <rPh sb="0" eb="2">
      <t>ショテイ</t>
    </rPh>
    <rPh sb="2" eb="3">
      <t>ナイ</t>
    </rPh>
    <rPh sb="3" eb="5">
      <t>キュウヨ</t>
    </rPh>
    <phoneticPr fontId="3"/>
  </si>
  <si>
    <t>所定外給与</t>
    <rPh sb="0" eb="2">
      <t>ショテイ</t>
    </rPh>
    <rPh sb="2" eb="3">
      <t>ソト</t>
    </rPh>
    <rPh sb="3" eb="5">
      <t>キュウヨ</t>
    </rPh>
    <phoneticPr fontId="3"/>
  </si>
  <si>
    <t>TL</t>
    <phoneticPr fontId="3"/>
  </si>
  <si>
    <t>調査産業計</t>
    <rPh sb="0" eb="2">
      <t>チョウサ</t>
    </rPh>
    <rPh sb="2" eb="4">
      <t>サンギョウ</t>
    </rPh>
    <rPh sb="4" eb="5">
      <t>ケイ</t>
    </rPh>
    <phoneticPr fontId="3"/>
  </si>
  <si>
    <t>Ｄ</t>
    <phoneticPr fontId="3"/>
  </si>
  <si>
    <t>Ｅ</t>
    <phoneticPr fontId="3"/>
  </si>
  <si>
    <t>Ｆ</t>
    <phoneticPr fontId="3"/>
  </si>
  <si>
    <t>Ｇ</t>
    <phoneticPr fontId="3"/>
  </si>
  <si>
    <t>Ｈ</t>
    <phoneticPr fontId="3"/>
  </si>
  <si>
    <t>Ｉ</t>
    <phoneticPr fontId="3"/>
  </si>
  <si>
    <t>Ｊ</t>
    <phoneticPr fontId="3"/>
  </si>
  <si>
    <t>Ｋ</t>
    <phoneticPr fontId="3"/>
  </si>
  <si>
    <t>Ｌ</t>
    <phoneticPr fontId="3"/>
  </si>
  <si>
    <t>M</t>
    <phoneticPr fontId="3"/>
  </si>
  <si>
    <t>Ｎ</t>
    <phoneticPr fontId="3"/>
  </si>
  <si>
    <t>O</t>
    <phoneticPr fontId="3"/>
  </si>
  <si>
    <t>Ｐ</t>
    <phoneticPr fontId="3"/>
  </si>
  <si>
    <t>Ｑ</t>
    <phoneticPr fontId="3"/>
  </si>
  <si>
    <t>R</t>
    <phoneticPr fontId="3"/>
  </si>
  <si>
    <t>Ｅ09・10</t>
    <phoneticPr fontId="3"/>
  </si>
  <si>
    <t>Ｅ11</t>
    <phoneticPr fontId="3"/>
  </si>
  <si>
    <t>Ｅ13</t>
    <phoneticPr fontId="3"/>
  </si>
  <si>
    <t>Ｅ14</t>
    <phoneticPr fontId="3"/>
  </si>
  <si>
    <t>Ｅ15</t>
    <phoneticPr fontId="3"/>
  </si>
  <si>
    <t>Ｅ16・17</t>
    <phoneticPr fontId="3"/>
  </si>
  <si>
    <t>Ｅ18</t>
    <phoneticPr fontId="3"/>
  </si>
  <si>
    <t>Ｅ19</t>
    <phoneticPr fontId="3"/>
  </si>
  <si>
    <t>Ｅ21</t>
    <phoneticPr fontId="3"/>
  </si>
  <si>
    <t>Ｅ22</t>
    <phoneticPr fontId="3"/>
  </si>
  <si>
    <t>Ｅ23</t>
    <phoneticPr fontId="3"/>
  </si>
  <si>
    <t>Ｅ24</t>
    <phoneticPr fontId="3"/>
  </si>
  <si>
    <t>Ｅ25</t>
    <phoneticPr fontId="3"/>
  </si>
  <si>
    <t>Ｅ26</t>
    <phoneticPr fontId="3"/>
  </si>
  <si>
    <t>Ｅ27</t>
    <phoneticPr fontId="3"/>
  </si>
  <si>
    <t>Ｅ28</t>
    <phoneticPr fontId="3"/>
  </si>
  <si>
    <t>Ｅ29</t>
    <phoneticPr fontId="3"/>
  </si>
  <si>
    <t>Ｅ30</t>
    <phoneticPr fontId="3"/>
  </si>
  <si>
    <t>Ｅ31</t>
    <phoneticPr fontId="3"/>
  </si>
  <si>
    <t>Ｅ一括</t>
    <rPh sb="1" eb="3">
      <t>イッカツ</t>
    </rPh>
    <phoneticPr fontId="3"/>
  </si>
  <si>
    <t>Ｐ83</t>
    <phoneticPr fontId="3"/>
  </si>
  <si>
    <t>- 9 -</t>
    <phoneticPr fontId="3"/>
  </si>
  <si>
    <t>第２－２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30人以上）</t>
    <rPh sb="1" eb="4">
      <t>ジギョウショ</t>
    </rPh>
    <rPh sb="4" eb="6">
      <t>キボ</t>
    </rPh>
    <rPh sb="9" eb="10">
      <t>ニン</t>
    </rPh>
    <rPh sb="10" eb="12">
      <t>イジョウ</t>
    </rPh>
    <phoneticPr fontId="3"/>
  </si>
  <si>
    <t>- 10 -</t>
    <phoneticPr fontId="3"/>
  </si>
  <si>
    <t>第３－１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単位：日、時間）</t>
    <rPh sb="1" eb="3">
      <t>タンイ</t>
    </rPh>
    <rPh sb="4" eb="5">
      <t>ヒ</t>
    </rPh>
    <rPh sb="6" eb="8">
      <t>ジカン</t>
    </rPh>
    <phoneticPr fontId="3"/>
  </si>
  <si>
    <t>出勤日数</t>
    <rPh sb="0" eb="2">
      <t>シュッキン</t>
    </rPh>
    <rPh sb="2" eb="4">
      <t>ニッスウ</t>
    </rPh>
    <phoneticPr fontId="3"/>
  </si>
  <si>
    <t xml:space="preserve">  総実労働時間</t>
    <rPh sb="2" eb="3">
      <t>ソウ</t>
    </rPh>
    <rPh sb="3" eb="4">
      <t>ジツ</t>
    </rPh>
    <phoneticPr fontId="3"/>
  </si>
  <si>
    <t xml:space="preserve">  総実労働時間　</t>
    <rPh sb="2" eb="3">
      <t>ソウ</t>
    </rPh>
    <rPh sb="3" eb="4">
      <t>ジツ</t>
    </rPh>
    <phoneticPr fontId="3"/>
  </si>
  <si>
    <t>所定内</t>
    <rPh sb="0" eb="1">
      <t>トコロ</t>
    </rPh>
    <rPh sb="1" eb="2">
      <t>サダム</t>
    </rPh>
    <rPh sb="2" eb="3">
      <t>ナイ</t>
    </rPh>
    <phoneticPr fontId="3"/>
  </si>
  <si>
    <t>所定外</t>
    <rPh sb="0" eb="1">
      <t>トコロ</t>
    </rPh>
    <rPh sb="1" eb="2">
      <t>サダム</t>
    </rPh>
    <rPh sb="2" eb="3">
      <t>ガイ</t>
    </rPh>
    <phoneticPr fontId="3"/>
  </si>
  <si>
    <t>労働時間</t>
    <rPh sb="0" eb="2">
      <t>ロウドウ</t>
    </rPh>
    <rPh sb="2" eb="4">
      <t>ジカン</t>
    </rPh>
    <phoneticPr fontId="3"/>
  </si>
  <si>
    <t>- 11 -</t>
    <phoneticPr fontId="3"/>
  </si>
  <si>
    <t>第３－２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 12 -</t>
    <phoneticPr fontId="3"/>
  </si>
  <si>
    <t>第４－１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単位：人、％）</t>
    <rPh sb="1" eb="3">
      <t>タンイ</t>
    </rPh>
    <rPh sb="4" eb="5">
      <t>ヒト</t>
    </rPh>
    <phoneticPr fontId="3"/>
  </si>
  <si>
    <t>男　　　　　性</t>
    <rPh sb="0" eb="1">
      <t>オトコ</t>
    </rPh>
    <rPh sb="6" eb="7">
      <t>セイ</t>
    </rPh>
    <phoneticPr fontId="3"/>
  </si>
  <si>
    <t>女　　　　　性</t>
    <rPh sb="0" eb="1">
      <t>オンナ</t>
    </rPh>
    <rPh sb="6" eb="7">
      <t>セイ</t>
    </rPh>
    <phoneticPr fontId="3"/>
  </si>
  <si>
    <t>本月末
常用労働者数</t>
    <rPh sb="0" eb="1">
      <t>ホン</t>
    </rPh>
    <rPh sb="1" eb="2">
      <t>ツキ</t>
    </rPh>
    <rPh sb="2" eb="3">
      <t>マツ</t>
    </rPh>
    <phoneticPr fontId="3"/>
  </si>
  <si>
    <t>労働異動率</t>
    <rPh sb="0" eb="2">
      <t>ロウドウ</t>
    </rPh>
    <rPh sb="2" eb="4">
      <t>イドウ</t>
    </rPh>
    <rPh sb="4" eb="5">
      <t>リツ</t>
    </rPh>
    <phoneticPr fontId="3"/>
  </si>
  <si>
    <t>ﾊﾟｰﾄﾀｲﾑ</t>
    <phoneticPr fontId="3"/>
  </si>
  <si>
    <t>ﾊﾟｰﾄ</t>
    <phoneticPr fontId="3"/>
  </si>
  <si>
    <t>入職率</t>
    <rPh sb="0" eb="1">
      <t>イ</t>
    </rPh>
    <rPh sb="1" eb="2">
      <t>ショク</t>
    </rPh>
    <rPh sb="2" eb="3">
      <t>リツ</t>
    </rPh>
    <phoneticPr fontId="3"/>
  </si>
  <si>
    <t>離職率</t>
    <rPh sb="0" eb="2">
      <t>リショク</t>
    </rPh>
    <rPh sb="2" eb="3">
      <t>リツ</t>
    </rPh>
    <phoneticPr fontId="3"/>
  </si>
  <si>
    <t>労働者数</t>
    <rPh sb="0" eb="3">
      <t>ロウドウシャ</t>
    </rPh>
    <rPh sb="3" eb="4">
      <t>スウ</t>
    </rPh>
    <phoneticPr fontId="3"/>
  </si>
  <si>
    <t>比率</t>
    <rPh sb="0" eb="2">
      <t>ヒリツ</t>
    </rPh>
    <phoneticPr fontId="3"/>
  </si>
  <si>
    <t>- 13 -</t>
    <phoneticPr fontId="3"/>
  </si>
  <si>
    <t>第４－２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 14 -</t>
    <phoneticPr fontId="3"/>
  </si>
  <si>
    <t>第５－１表　　　産業、一般・パートタイム労働者別実数表</t>
    <rPh sb="0" eb="1">
      <t>ダイ</t>
    </rPh>
    <rPh sb="4" eb="5">
      <t>ヒョウ</t>
    </rPh>
    <phoneticPr fontId="3"/>
  </si>
  <si>
    <t>(事業所規模　　５人以上）</t>
    <rPh sb="1" eb="4">
      <t>ジギョウショ</t>
    </rPh>
    <rPh sb="4" eb="6">
      <t>キボ</t>
    </rPh>
    <rPh sb="9" eb="10">
      <t>ニン</t>
    </rPh>
    <rPh sb="10" eb="12">
      <t>イジョウ</t>
    </rPh>
    <phoneticPr fontId="3"/>
  </si>
  <si>
    <t>　項　　　　　　目</t>
    <rPh sb="1" eb="2">
      <t>コウ</t>
    </rPh>
    <rPh sb="8" eb="9">
      <t>メ</t>
    </rPh>
    <phoneticPr fontId="3"/>
  </si>
  <si>
    <t>卸売業，小売業</t>
    <rPh sb="0" eb="1">
      <t>オロシ</t>
    </rPh>
    <rPh sb="1" eb="2">
      <t>ウ</t>
    </rPh>
    <rPh sb="2" eb="3">
      <t>ワザ</t>
    </rPh>
    <rPh sb="4" eb="7">
      <t>コウリギョウ</t>
    </rPh>
    <phoneticPr fontId="3"/>
  </si>
  <si>
    <t>一般労働者</t>
    <rPh sb="0" eb="1">
      <t>イチ</t>
    </rPh>
    <rPh sb="1" eb="2">
      <t>バン</t>
    </rPh>
    <rPh sb="2" eb="5">
      <t>ロウドウシャ</t>
    </rPh>
    <phoneticPr fontId="3"/>
  </si>
  <si>
    <t>ﾊﾟｰﾄﾀｲﾑ労働者</t>
    <rPh sb="7" eb="10">
      <t>ロウドウシャ</t>
    </rPh>
    <phoneticPr fontId="3"/>
  </si>
  <si>
    <t xml:space="preserve"> 前年同月比</t>
    <rPh sb="1" eb="2">
      <t>ゼン</t>
    </rPh>
    <rPh sb="2" eb="3">
      <t>サクネン</t>
    </rPh>
    <rPh sb="3" eb="6">
      <t>ドウゲツヒ</t>
    </rPh>
    <phoneticPr fontId="3"/>
  </si>
  <si>
    <t>(単位)</t>
    <rPh sb="1" eb="3">
      <t>タンイ</t>
    </rPh>
    <phoneticPr fontId="3"/>
  </si>
  <si>
    <t xml:space="preserve">％ </t>
    <phoneticPr fontId="3"/>
  </si>
  <si>
    <t>(円）</t>
    <rPh sb="1" eb="2">
      <t>エン</t>
    </rPh>
    <phoneticPr fontId="3"/>
  </si>
  <si>
    <t>所定内給与</t>
    <rPh sb="0" eb="3">
      <t>ショテイナイ</t>
    </rPh>
    <rPh sb="3" eb="5">
      <t>キュウヨ</t>
    </rPh>
    <phoneticPr fontId="3"/>
  </si>
  <si>
    <t>所定外給与</t>
    <rPh sb="2" eb="3">
      <t>ソト</t>
    </rPh>
    <rPh sb="3" eb="5">
      <t>キュウヨ</t>
    </rPh>
    <phoneticPr fontId="3"/>
  </si>
  <si>
    <t>-</t>
  </si>
  <si>
    <t>特別に支払われた給与</t>
    <rPh sb="0" eb="2">
      <t>トクベツ</t>
    </rPh>
    <rPh sb="3" eb="5">
      <t>シハラ</t>
    </rPh>
    <rPh sb="8" eb="10">
      <t>キュウヨ</t>
    </rPh>
    <phoneticPr fontId="3"/>
  </si>
  <si>
    <t>(日）</t>
    <rPh sb="1" eb="2">
      <t>ニチ</t>
    </rPh>
    <phoneticPr fontId="3"/>
  </si>
  <si>
    <t>(時間）</t>
    <rPh sb="1" eb="3">
      <t>ジカン</t>
    </rPh>
    <phoneticPr fontId="3"/>
  </si>
  <si>
    <t>所定内労働時間</t>
    <rPh sb="0" eb="3">
      <t>ショテイナイ</t>
    </rPh>
    <rPh sb="3" eb="5">
      <t>ロウドウ</t>
    </rPh>
    <rPh sb="5" eb="7">
      <t>ジカン</t>
    </rPh>
    <phoneticPr fontId="3"/>
  </si>
  <si>
    <t>(人）</t>
    <rPh sb="1" eb="2">
      <t>ヒト</t>
    </rPh>
    <phoneticPr fontId="3"/>
  </si>
  <si>
    <t>入職率</t>
    <rPh sb="0" eb="1">
      <t>ニュウ</t>
    </rPh>
    <rPh sb="1" eb="2">
      <t>ショク</t>
    </rPh>
    <rPh sb="2" eb="3">
      <t>リツ</t>
    </rPh>
    <phoneticPr fontId="3"/>
  </si>
  <si>
    <t>(％）</t>
    <phoneticPr fontId="3"/>
  </si>
  <si>
    <t>- 15 -</t>
    <phoneticPr fontId="3"/>
  </si>
  <si>
    <t>第５－２表　　　産業、一般・パートタイム労働者別実数表</t>
    <rPh sb="0" eb="1">
      <t>ダイ</t>
    </rPh>
    <rPh sb="4" eb="5">
      <t>ヒョウ</t>
    </rPh>
    <phoneticPr fontId="3"/>
  </si>
  <si>
    <t>(事業所規模　　３０人以上）</t>
    <rPh sb="1" eb="4">
      <t>ジギョウショ</t>
    </rPh>
    <rPh sb="4" eb="6">
      <t>キボ</t>
    </rPh>
    <rPh sb="10" eb="11">
      <t>ニン</t>
    </rPh>
    <rPh sb="11" eb="13">
      <t>イジョウ</t>
    </rPh>
    <phoneticPr fontId="3"/>
  </si>
  <si>
    <t>- 16 -</t>
    <phoneticPr fontId="3"/>
  </si>
  <si>
    <t>第６－１表　　　産業別名目賃金指数（現金給与総額）</t>
    <rPh sb="0" eb="1">
      <t>ダイ</t>
    </rPh>
    <rPh sb="4" eb="5">
      <t>ヒョウ</t>
    </rPh>
    <rPh sb="8" eb="10">
      <t>サンギョウ</t>
    </rPh>
    <rPh sb="10" eb="11">
      <t>ベツ</t>
    </rPh>
    <rPh sb="11" eb="13">
      <t>メイモク</t>
    </rPh>
    <rPh sb="13" eb="15">
      <t>チンギン</t>
    </rPh>
    <rPh sb="15" eb="17">
      <t>シスウ</t>
    </rPh>
    <rPh sb="18" eb="20">
      <t>ゲンキン</t>
    </rPh>
    <rPh sb="20" eb="22">
      <t>キュウヨ</t>
    </rPh>
    <rPh sb="22" eb="24">
      <t>ソウガク</t>
    </rPh>
    <phoneticPr fontId="3"/>
  </si>
  <si>
    <t>［令和2年(2020)=100］</t>
    <rPh sb="1" eb="3">
      <t>レイワ</t>
    </rPh>
    <rPh sb="4" eb="5">
      <t>ネン</t>
    </rPh>
    <phoneticPr fontId="3"/>
  </si>
  <si>
    <t>電気・ガス</t>
    <rPh sb="0" eb="2">
      <t>デンキ</t>
    </rPh>
    <phoneticPr fontId="3"/>
  </si>
  <si>
    <t>情報通信業</t>
    <rPh sb="0" eb="2">
      <t>ジョウホウ</t>
    </rPh>
    <rPh sb="2" eb="3">
      <t>ツウ</t>
    </rPh>
    <phoneticPr fontId="3"/>
  </si>
  <si>
    <t>運輸業,</t>
    <rPh sb="0" eb="3">
      <t>ウンユギョウ</t>
    </rPh>
    <phoneticPr fontId="3"/>
  </si>
  <si>
    <t>卸売業,</t>
    <rPh sb="0" eb="1">
      <t>オロシ</t>
    </rPh>
    <rPh sb="1" eb="2">
      <t>ウ</t>
    </rPh>
    <rPh sb="2" eb="3">
      <t>ワザ</t>
    </rPh>
    <phoneticPr fontId="3"/>
  </si>
  <si>
    <t>金融業,</t>
    <rPh sb="0" eb="2">
      <t>キンユウ</t>
    </rPh>
    <rPh sb="2" eb="3">
      <t>ワザ</t>
    </rPh>
    <phoneticPr fontId="3"/>
  </si>
  <si>
    <t>不動産業,</t>
    <rPh sb="0" eb="3">
      <t>フドウサン</t>
    </rPh>
    <rPh sb="3" eb="4">
      <t>ギョウ</t>
    </rPh>
    <phoneticPr fontId="3"/>
  </si>
  <si>
    <t>学術研究.専門</t>
    <rPh sb="0" eb="2">
      <t>ガクジュツ</t>
    </rPh>
    <rPh sb="2" eb="4">
      <t>ケンキュウ</t>
    </rPh>
    <rPh sb="5" eb="7">
      <t>センモン</t>
    </rPh>
    <phoneticPr fontId="3"/>
  </si>
  <si>
    <t>宿泊業,</t>
    <rPh sb="0" eb="2">
      <t>シュクハク</t>
    </rPh>
    <rPh sb="2" eb="3">
      <t>ギョウ</t>
    </rPh>
    <phoneticPr fontId="3"/>
  </si>
  <si>
    <t>生活関連サービス業</t>
    <rPh sb="0" eb="2">
      <t>セイカツ</t>
    </rPh>
    <rPh sb="2" eb="4">
      <t>カンレン</t>
    </rPh>
    <rPh sb="8" eb="9">
      <t>ギョウ</t>
    </rPh>
    <phoneticPr fontId="3"/>
  </si>
  <si>
    <t>教育，</t>
    <rPh sb="0" eb="2">
      <t>キョウイク</t>
    </rPh>
    <phoneticPr fontId="3"/>
  </si>
  <si>
    <t>医療，福祉</t>
    <rPh sb="0" eb="2">
      <t>イリョウ</t>
    </rPh>
    <phoneticPr fontId="3"/>
  </si>
  <si>
    <t>複合サー</t>
    <rPh sb="0" eb="2">
      <t>フクゴウ</t>
    </rPh>
    <phoneticPr fontId="3"/>
  </si>
  <si>
    <t>サービス業</t>
    <phoneticPr fontId="3"/>
  </si>
  <si>
    <t>熱供給・水道業</t>
    <rPh sb="0" eb="1">
      <t>ネツ</t>
    </rPh>
    <rPh sb="1" eb="3">
      <t>キョウキュウ</t>
    </rPh>
    <rPh sb="4" eb="7">
      <t>スイドウギョウ</t>
    </rPh>
    <phoneticPr fontId="3"/>
  </si>
  <si>
    <t>郵便業</t>
  </si>
  <si>
    <t>小売業</t>
    <rPh sb="0" eb="3">
      <t>コウリギョウ</t>
    </rPh>
    <phoneticPr fontId="3"/>
  </si>
  <si>
    <t>保険業</t>
    <rPh sb="0" eb="3">
      <t>ホケンギョウ</t>
    </rPh>
    <phoneticPr fontId="3"/>
  </si>
  <si>
    <t>物品賃貸業</t>
    <rPh sb="0" eb="2">
      <t>ブッピン</t>
    </rPh>
    <rPh sb="2" eb="5">
      <t>チンタイギョウ</t>
    </rPh>
    <phoneticPr fontId="3"/>
  </si>
  <si>
    <t>・技術サービス業</t>
    <rPh sb="1" eb="3">
      <t>ギジュツ</t>
    </rPh>
    <rPh sb="7" eb="8">
      <t>ギョウ</t>
    </rPh>
    <phoneticPr fontId="3"/>
  </si>
  <si>
    <t>飲食サービス業</t>
    <rPh sb="0" eb="2">
      <t>インショク</t>
    </rPh>
    <rPh sb="6" eb="7">
      <t>ギョウ</t>
    </rPh>
    <phoneticPr fontId="3"/>
  </si>
  <si>
    <t>,娯楽業</t>
    <rPh sb="1" eb="4">
      <t>ゴラクギョウ</t>
    </rPh>
    <phoneticPr fontId="3"/>
  </si>
  <si>
    <t>学習支援業</t>
    <rPh sb="0" eb="1">
      <t>ガク</t>
    </rPh>
    <rPh sb="1" eb="2">
      <t>ナラ</t>
    </rPh>
    <rPh sb="2" eb="4">
      <t>シエン</t>
    </rPh>
    <rPh sb="4" eb="5">
      <t>ギョウ</t>
    </rPh>
    <phoneticPr fontId="3"/>
  </si>
  <si>
    <t>ビス事業</t>
    <rPh sb="2" eb="4">
      <t>ジギョウ</t>
    </rPh>
    <phoneticPr fontId="3"/>
  </si>
  <si>
    <t xml:space="preserve">           前年同月比</t>
    <rPh sb="11" eb="12">
      <t>ゼン</t>
    </rPh>
    <rPh sb="12" eb="13">
      <t>サクネン</t>
    </rPh>
    <rPh sb="13" eb="14">
      <t>ドウ</t>
    </rPh>
    <rPh sb="14" eb="15">
      <t>ツキ</t>
    </rPh>
    <rPh sb="15" eb="16">
      <t>ヒ</t>
    </rPh>
    <phoneticPr fontId="3"/>
  </si>
  <si>
    <t>事業所規模5人以上</t>
    <rPh sb="0" eb="3">
      <t>ジギョウショ</t>
    </rPh>
    <rPh sb="3" eb="5">
      <t>キボ</t>
    </rPh>
    <rPh sb="6" eb="7">
      <t>ニン</t>
    </rPh>
    <rPh sb="7" eb="9">
      <t>イジョウ</t>
    </rPh>
    <phoneticPr fontId="3"/>
  </si>
  <si>
    <t>令和6年</t>
    <rPh sb="0" eb="1">
      <t>レイ</t>
    </rPh>
    <rPh sb="1" eb="2">
      <t>ワ</t>
    </rPh>
    <rPh sb="3" eb="4">
      <t>ネン</t>
    </rPh>
    <phoneticPr fontId="3"/>
  </si>
  <si>
    <t>人以上</t>
    <phoneticPr fontId="3"/>
  </si>
  <si>
    <t>(注)前年同月比のうち、年次の場合は前年比です。</t>
    <rPh sb="1" eb="2">
      <t>チュウ</t>
    </rPh>
    <rPh sb="3" eb="4">
      <t>マエ</t>
    </rPh>
    <rPh sb="4" eb="5">
      <t>ドシ</t>
    </rPh>
    <rPh sb="5" eb="7">
      <t>ドウゲツ</t>
    </rPh>
    <rPh sb="7" eb="8">
      <t>ヒ</t>
    </rPh>
    <rPh sb="12" eb="14">
      <t>ネンジ</t>
    </rPh>
    <rPh sb="15" eb="17">
      <t>バアイ</t>
    </rPh>
    <rPh sb="20" eb="21">
      <t>ヒ</t>
    </rPh>
    <phoneticPr fontId="3"/>
  </si>
  <si>
    <t>- 17 -</t>
    <phoneticPr fontId="3"/>
  </si>
  <si>
    <t>第６－２表　　　産業別実質賃金指数（現金給与総額）</t>
    <rPh sb="0" eb="1">
      <t>ダイ</t>
    </rPh>
    <rPh sb="4" eb="5">
      <t>ヒョウ</t>
    </rPh>
    <rPh sb="8" eb="10">
      <t>サンギョウ</t>
    </rPh>
    <rPh sb="10" eb="11">
      <t>ベツ</t>
    </rPh>
    <rPh sb="11" eb="13">
      <t>ジッシツ</t>
    </rPh>
    <rPh sb="13" eb="15">
      <t>チンギン</t>
    </rPh>
    <rPh sb="15" eb="17">
      <t>シスウ</t>
    </rPh>
    <rPh sb="18" eb="20">
      <t>ゲンキン</t>
    </rPh>
    <rPh sb="20" eb="22">
      <t>キュウヨ</t>
    </rPh>
    <rPh sb="22" eb="24">
      <t>ソウガク</t>
    </rPh>
    <phoneticPr fontId="3"/>
  </si>
  <si>
    <t>［令和2年(2020)=100］</t>
    <phoneticPr fontId="3"/>
  </si>
  <si>
    <t>(注)前年同月比のうち、年次の場合は前年比です。実質賃金指数は、名目賃金指数を消費者物価指数（持家帰属家賃を除く総合指数）で除して百分率化したものです。</t>
    <phoneticPr fontId="3"/>
  </si>
  <si>
    <t>- 18 -</t>
    <phoneticPr fontId="3"/>
  </si>
  <si>
    <t>第６－３表　　　産業別名目賃金指数（きまって支給する給与）</t>
    <rPh sb="0" eb="1">
      <t>ダイ</t>
    </rPh>
    <rPh sb="4" eb="5">
      <t>ヒョウ</t>
    </rPh>
    <rPh sb="8" eb="10">
      <t>サンギョウ</t>
    </rPh>
    <rPh sb="10" eb="11">
      <t>ベツ</t>
    </rPh>
    <rPh sb="11" eb="13">
      <t>メイモク</t>
    </rPh>
    <rPh sb="13" eb="15">
      <t>チンギン</t>
    </rPh>
    <rPh sb="15" eb="17">
      <t>シスウ</t>
    </rPh>
    <rPh sb="22" eb="24">
      <t>シキュウ</t>
    </rPh>
    <rPh sb="26" eb="28">
      <t>キュウヨ</t>
    </rPh>
    <phoneticPr fontId="3"/>
  </si>
  <si>
    <t>- 19 -</t>
    <phoneticPr fontId="3"/>
  </si>
  <si>
    <t>第６－４表　　　産業別実質賃金指数（きまって支給する給与）</t>
    <rPh sb="0" eb="1">
      <t>ダイ</t>
    </rPh>
    <rPh sb="4" eb="5">
      <t>ヒョウ</t>
    </rPh>
    <rPh sb="8" eb="10">
      <t>サンギョウ</t>
    </rPh>
    <rPh sb="10" eb="11">
      <t>ベツ</t>
    </rPh>
    <rPh sb="11" eb="13">
      <t>ジッシツ</t>
    </rPh>
    <rPh sb="13" eb="15">
      <t>チンギン</t>
    </rPh>
    <rPh sb="15" eb="17">
      <t>シスウ</t>
    </rPh>
    <rPh sb="22" eb="24">
      <t>シキュウ</t>
    </rPh>
    <rPh sb="26" eb="28">
      <t>キュウヨ</t>
    </rPh>
    <phoneticPr fontId="3"/>
  </si>
  <si>
    <t>- 20 -</t>
    <phoneticPr fontId="3"/>
  </si>
  <si>
    <t>第７－１表　　　産業別労働時間指数（総実労働時間）</t>
    <rPh sb="0" eb="1">
      <t>ダイ</t>
    </rPh>
    <rPh sb="4" eb="5">
      <t>ヒョウ</t>
    </rPh>
    <rPh sb="8" eb="10">
      <t>サンギョウ</t>
    </rPh>
    <rPh sb="10" eb="11">
      <t>ベツ</t>
    </rPh>
    <rPh sb="11" eb="13">
      <t>ロウドウ</t>
    </rPh>
    <rPh sb="13" eb="15">
      <t>ジカン</t>
    </rPh>
    <rPh sb="15" eb="17">
      <t>シスウ</t>
    </rPh>
    <rPh sb="18" eb="19">
      <t>ソウ</t>
    </rPh>
    <rPh sb="19" eb="20">
      <t>ジツ</t>
    </rPh>
    <rPh sb="20" eb="22">
      <t>ロウドウ</t>
    </rPh>
    <rPh sb="22" eb="24">
      <t>ジカン</t>
    </rPh>
    <phoneticPr fontId="3"/>
  </si>
  <si>
    <t>- 21 -</t>
    <phoneticPr fontId="3"/>
  </si>
  <si>
    <t>第７－２表　　　産業別労働時間指数（所定内労働時間）</t>
    <rPh sb="0" eb="1">
      <t>ダイ</t>
    </rPh>
    <rPh sb="4" eb="5">
      <t>ヒョウ</t>
    </rPh>
    <rPh sb="8" eb="10">
      <t>サンギョウ</t>
    </rPh>
    <rPh sb="10" eb="11">
      <t>ベツ</t>
    </rPh>
    <rPh sb="11" eb="13">
      <t>ロウドウ</t>
    </rPh>
    <rPh sb="13" eb="15">
      <t>ジカン</t>
    </rPh>
    <rPh sb="15" eb="17">
      <t>シスウ</t>
    </rPh>
    <rPh sb="18" eb="21">
      <t>ショテイナイ</t>
    </rPh>
    <rPh sb="21" eb="23">
      <t>ロウドウ</t>
    </rPh>
    <rPh sb="23" eb="25">
      <t>ジカン</t>
    </rPh>
    <phoneticPr fontId="3"/>
  </si>
  <si>
    <t>- 22 -</t>
    <phoneticPr fontId="3"/>
  </si>
  <si>
    <t>第７－３表　　　産業別労働時間指数（所定外労働時間）</t>
    <rPh sb="0" eb="1">
      <t>ダイ</t>
    </rPh>
    <rPh sb="4" eb="5">
      <t>ヒョウ</t>
    </rPh>
    <rPh sb="8" eb="10">
      <t>サンギョウ</t>
    </rPh>
    <rPh sb="10" eb="11">
      <t>ベツ</t>
    </rPh>
    <rPh sb="11" eb="13">
      <t>ロウドウ</t>
    </rPh>
    <rPh sb="13" eb="15">
      <t>ジカン</t>
    </rPh>
    <rPh sb="15" eb="17">
      <t>シスウ</t>
    </rPh>
    <rPh sb="18" eb="20">
      <t>ショテイ</t>
    </rPh>
    <rPh sb="20" eb="21">
      <t>ガイ</t>
    </rPh>
    <rPh sb="21" eb="23">
      <t>ロウドウ</t>
    </rPh>
    <rPh sb="23" eb="25">
      <t>ジカン</t>
    </rPh>
    <phoneticPr fontId="3"/>
  </si>
  <si>
    <t>- 23 -</t>
    <phoneticPr fontId="3"/>
  </si>
  <si>
    <t>第　８　表　　　　産　業　別　常　用　雇　用　指　数　</t>
    <rPh sb="0" eb="1">
      <t>ダイ</t>
    </rPh>
    <rPh sb="4" eb="5">
      <t>ヒョウ</t>
    </rPh>
    <rPh sb="9" eb="10">
      <t>サン</t>
    </rPh>
    <rPh sb="11" eb="12">
      <t>ギョウ</t>
    </rPh>
    <rPh sb="13" eb="14">
      <t>ベツ</t>
    </rPh>
    <rPh sb="15" eb="16">
      <t>ツネ</t>
    </rPh>
    <rPh sb="17" eb="18">
      <t>ヨウ</t>
    </rPh>
    <rPh sb="19" eb="20">
      <t>ヤトイ</t>
    </rPh>
    <rPh sb="21" eb="22">
      <t>ヨウ</t>
    </rPh>
    <rPh sb="23" eb="24">
      <t>ユビ</t>
    </rPh>
    <rPh sb="25" eb="26">
      <t>カズ</t>
    </rPh>
    <phoneticPr fontId="3"/>
  </si>
  <si>
    <t>令和</t>
  </si>
  <si>
    <t>3年</t>
  </si>
  <si>
    <t>4年</t>
  </si>
  <si>
    <t>5年</t>
  </si>
  <si>
    <t>6年</t>
  </si>
  <si>
    <t>11月</t>
  </si>
  <si>
    <t>12月</t>
  </si>
  <si>
    <t>令和7年</t>
  </si>
  <si>
    <t>1月</t>
  </si>
  <si>
    <t>2月</t>
  </si>
  <si>
    <t>3月</t>
  </si>
  <si>
    <t>4月</t>
  </si>
  <si>
    <t>5月</t>
  </si>
  <si>
    <t>6月</t>
  </si>
  <si>
    <t>7月</t>
  </si>
  <si>
    <t>8月</t>
  </si>
  <si>
    <t>9月</t>
  </si>
  <si>
    <t>10月</t>
  </si>
  <si>
    <t>11月　</t>
    <phoneticPr fontId="41"/>
  </si>
  <si>
    <t>10月　</t>
    <phoneticPr fontId="41"/>
  </si>
  <si>
    <t>９月　</t>
  </si>
  <si>
    <t>８月　</t>
  </si>
  <si>
    <t>７月　</t>
    <phoneticPr fontId="41"/>
  </si>
  <si>
    <t>６月　</t>
    <rPh sb="1" eb="2">
      <t>ガツ</t>
    </rPh>
    <phoneticPr fontId="41"/>
  </si>
  <si>
    <t>５月　</t>
    <rPh sb="1" eb="2">
      <t>ガツ</t>
    </rPh>
    <phoneticPr fontId="41"/>
  </si>
  <si>
    <t>４月　</t>
    <rPh sb="1" eb="2">
      <t>ガツ</t>
    </rPh>
    <phoneticPr fontId="41"/>
  </si>
  <si>
    <t>３月　</t>
    <rPh sb="1" eb="2">
      <t>ガツ</t>
    </rPh>
    <phoneticPr fontId="41"/>
  </si>
  <si>
    <t>２月　</t>
    <rPh sb="1" eb="2">
      <t>ガツ</t>
    </rPh>
    <phoneticPr fontId="41"/>
  </si>
  <si>
    <t>令和７年１月　</t>
    <rPh sb="0" eb="2">
      <t>レイワ</t>
    </rPh>
    <rPh sb="3" eb="4">
      <t>ネン</t>
    </rPh>
    <rPh sb="5" eb="6">
      <t>ガツ</t>
    </rPh>
    <phoneticPr fontId="41"/>
  </si>
  <si>
    <t>12月　</t>
    <rPh sb="2" eb="3">
      <t>ツキ</t>
    </rPh>
    <phoneticPr fontId="41"/>
  </si>
  <si>
    <t>11月　</t>
    <rPh sb="2" eb="3">
      <t>ツキ</t>
    </rPh>
    <phoneticPr fontId="41"/>
  </si>
  <si>
    <t>10月　</t>
    <rPh sb="2" eb="3">
      <t>ツキ</t>
    </rPh>
    <phoneticPr fontId="41"/>
  </si>
  <si>
    <t>９月　</t>
    <rPh sb="1" eb="2">
      <t>ガツ</t>
    </rPh>
    <phoneticPr fontId="41"/>
  </si>
  <si>
    <t>８月　</t>
    <phoneticPr fontId="41"/>
  </si>
  <si>
    <t>６月　</t>
  </si>
  <si>
    <t>５月　</t>
  </si>
  <si>
    <t>４月　</t>
  </si>
  <si>
    <t>３月　</t>
  </si>
  <si>
    <t>２月　</t>
    <phoneticPr fontId="41"/>
  </si>
  <si>
    <t>令和６年１月　</t>
    <phoneticPr fontId="41"/>
  </si>
  <si>
    <t>令和５年12月　</t>
    <rPh sb="0" eb="1">
      <t>レイワ</t>
    </rPh>
    <rPh sb="2" eb="3">
      <t>ネン</t>
    </rPh>
    <phoneticPr fontId="41"/>
  </si>
  <si>
    <t>　　　　％</t>
    <phoneticPr fontId="41"/>
  </si>
  <si>
    <t>所定外
労働時間</t>
    <phoneticPr fontId="41"/>
  </si>
  <si>
    <t>所定内
労働時間</t>
    <rPh sb="0" eb="3">
      <t>ショテイナイ</t>
    </rPh>
    <rPh sb="4" eb="6">
      <t>ロウドウ</t>
    </rPh>
    <rPh sb="6" eb="8">
      <t>ジカン</t>
    </rPh>
    <phoneticPr fontId="42"/>
  </si>
  <si>
    <t>総実労働時間</t>
    <phoneticPr fontId="41"/>
  </si>
  <si>
    <t>所定内給与</t>
    <rPh sb="0" eb="3">
      <t>ショテイナイ</t>
    </rPh>
    <rPh sb="3" eb="5">
      <t>キュウヨ</t>
    </rPh>
    <phoneticPr fontId="42"/>
  </si>
  <si>
    <t>きまって支給する給与</t>
    <phoneticPr fontId="41"/>
  </si>
  <si>
    <t>現金給与総額</t>
  </si>
  <si>
    <t>労働時間</t>
    <rPh sb="0" eb="2">
      <t>ロウドウ</t>
    </rPh>
    <rPh sb="2" eb="4">
      <t>ジカン</t>
    </rPh>
    <phoneticPr fontId="41"/>
  </si>
  <si>
    <t>賃金</t>
    <rPh sb="0" eb="2">
      <t>チンギン</t>
    </rPh>
    <phoneticPr fontId="41"/>
  </si>
  <si>
    <t>年　月</t>
    <rPh sb="0" eb="1">
      <t>ネン</t>
    </rPh>
    <rPh sb="2" eb="3">
      <t>ツキ</t>
    </rPh>
    <phoneticPr fontId="42"/>
  </si>
  <si>
    <t>（調査産業計、事業所規模５人以上、就業形態計）</t>
    <rPh sb="1" eb="3">
      <t>チョウサ</t>
    </rPh>
    <rPh sb="3" eb="5">
      <t>サンギョウ</t>
    </rPh>
    <rPh sb="5" eb="6">
      <t>ケイ</t>
    </rPh>
    <rPh sb="7" eb="10">
      <t>ジギョウショ</t>
    </rPh>
    <rPh sb="9" eb="11">
      <t>キボ</t>
    </rPh>
    <rPh sb="12" eb="13">
      <t>ニン</t>
    </rPh>
    <rPh sb="13" eb="15">
      <t>イジョウ</t>
    </rPh>
    <rPh sb="17" eb="19">
      <t>シュウギョウ</t>
    </rPh>
    <rPh sb="19" eb="21">
      <t>ケイタイ</t>
    </rPh>
    <rPh sb="21" eb="22">
      <t>ケイ</t>
    </rPh>
    <phoneticPr fontId="41"/>
  </si>
  <si>
    <t>　　　た集計）に比べ、サンプルサイズが小さくなることに留意が必要である。</t>
    <rPh sb="3" eb="5">
      <t>シュウケイ</t>
    </rPh>
    <rPh sb="7" eb="8">
      <t>クラ</t>
    </rPh>
    <rPh sb="18" eb="19">
      <t>チイ</t>
    </rPh>
    <rPh sb="26" eb="28">
      <t>リュウイ</t>
    </rPh>
    <rPh sb="29" eb="31">
      <t>ヒツヨウ</t>
    </rPh>
    <phoneticPr fontId="3"/>
  </si>
  <si>
    <t>（注３）共通事業所のみを用いて集計を行っているため、本系列（全ての調査対象事業所のデータを用いて作成し</t>
    <rPh sb="1" eb="2">
      <t>チュウ</t>
    </rPh>
    <rPh sb="4" eb="6">
      <t>キョウツウ</t>
    </rPh>
    <rPh sb="6" eb="8">
      <t>ジギョウ</t>
    </rPh>
    <rPh sb="8" eb="9">
      <t>ショ</t>
    </rPh>
    <rPh sb="12" eb="13">
      <t>モチ</t>
    </rPh>
    <rPh sb="15" eb="17">
      <t>シュウケイ</t>
    </rPh>
    <rPh sb="18" eb="19">
      <t>オコナ</t>
    </rPh>
    <rPh sb="26" eb="27">
      <t>ホン</t>
    </rPh>
    <rPh sb="27" eb="29">
      <t>ケイレツ</t>
    </rPh>
    <rPh sb="30" eb="31">
      <t>スベ</t>
    </rPh>
    <rPh sb="33" eb="35">
      <t>チョウサ</t>
    </rPh>
    <rPh sb="35" eb="37">
      <t>タイショウ</t>
    </rPh>
    <rPh sb="37" eb="40">
      <t>ジギョウショ</t>
    </rPh>
    <rPh sb="45" eb="46">
      <t>モチ</t>
    </rPh>
    <rPh sb="48" eb="50">
      <t>サクセイ</t>
    </rPh>
    <phoneticPr fontId="3"/>
  </si>
  <si>
    <t>　　　を除くため、前年同月も当月の労働者数をもとに月々の平均賃金などを計算している。</t>
    <rPh sb="4" eb="5">
      <t>ノゾ</t>
    </rPh>
    <rPh sb="9" eb="11">
      <t>ゼンネン</t>
    </rPh>
    <rPh sb="11" eb="13">
      <t>ドウゲツ</t>
    </rPh>
    <rPh sb="14" eb="16">
      <t>トウゲツ</t>
    </rPh>
    <rPh sb="17" eb="20">
      <t>ロウドウシャ</t>
    </rPh>
    <rPh sb="20" eb="21">
      <t>スウ</t>
    </rPh>
    <rPh sb="25" eb="27">
      <t>ツキヅキ</t>
    </rPh>
    <rPh sb="28" eb="30">
      <t>ヘイキン</t>
    </rPh>
    <rPh sb="30" eb="32">
      <t>チンギン</t>
    </rPh>
    <rPh sb="35" eb="37">
      <t>ケイサン</t>
    </rPh>
    <phoneticPr fontId="3"/>
  </si>
  <si>
    <t>（注２）共通事業所集計では、同一事業所の平均賃金などの変化をみるためのものであり、労働者数の変化の影響</t>
    <rPh sb="1" eb="2">
      <t>チュウ</t>
    </rPh>
    <rPh sb="4" eb="6">
      <t>キョウツウ</t>
    </rPh>
    <rPh sb="6" eb="8">
      <t>ジギョウ</t>
    </rPh>
    <rPh sb="8" eb="9">
      <t>ショ</t>
    </rPh>
    <rPh sb="9" eb="11">
      <t>シュウケイ</t>
    </rPh>
    <rPh sb="14" eb="16">
      <t>ドウイツ</t>
    </rPh>
    <rPh sb="16" eb="18">
      <t>ジギョウ</t>
    </rPh>
    <rPh sb="18" eb="19">
      <t>ショ</t>
    </rPh>
    <rPh sb="20" eb="22">
      <t>ヘイキン</t>
    </rPh>
    <rPh sb="22" eb="24">
      <t>チンギン</t>
    </rPh>
    <rPh sb="27" eb="29">
      <t>ヘンカ</t>
    </rPh>
    <rPh sb="41" eb="44">
      <t>ロウドウシャ</t>
    </rPh>
    <rPh sb="44" eb="45">
      <t>スウ</t>
    </rPh>
    <rPh sb="46" eb="48">
      <t>ヘンカ</t>
    </rPh>
    <rPh sb="49" eb="51">
      <t>エイキョウ</t>
    </rPh>
    <phoneticPr fontId="3"/>
  </si>
  <si>
    <t>　　　の調査事業所が前年も調査対象となっていることから共通事業所に限定した集計が可能となった。</t>
    <rPh sb="13" eb="15">
      <t>チョウサ</t>
    </rPh>
    <rPh sb="15" eb="17">
      <t>タイショウ</t>
    </rPh>
    <rPh sb="27" eb="29">
      <t>キョウツウ</t>
    </rPh>
    <rPh sb="28" eb="31">
      <t>ジギョウショ</t>
    </rPh>
    <rPh sb="32" eb="34">
      <t>ゲンテイ</t>
    </rPh>
    <rPh sb="36" eb="38">
      <t>シュウケイ</t>
    </rPh>
    <rPh sb="39" eb="41">
      <t>カノウ</t>
    </rPh>
    <phoneticPr fontId="3"/>
  </si>
  <si>
    <t>　　　平成30年から、毎年１月分調査時におよそ３分の１ずつ入れ替える部分入替え方式の導入に伴い、常に一部</t>
    <rPh sb="3" eb="5">
      <t>ヘイセイ</t>
    </rPh>
    <rPh sb="7" eb="8">
      <t>ネン</t>
    </rPh>
    <rPh sb="11" eb="13">
      <t>マイトシ</t>
    </rPh>
    <rPh sb="14" eb="16">
      <t>ガツブン</t>
    </rPh>
    <rPh sb="16" eb="18">
      <t>チョウサ</t>
    </rPh>
    <rPh sb="18" eb="19">
      <t>ジ</t>
    </rPh>
    <rPh sb="24" eb="25">
      <t>ブン</t>
    </rPh>
    <rPh sb="29" eb="30">
      <t>イ</t>
    </rPh>
    <rPh sb="31" eb="32">
      <t>カ</t>
    </rPh>
    <rPh sb="34" eb="36">
      <t>ブブン</t>
    </rPh>
    <rPh sb="36" eb="38">
      <t>イレカ</t>
    </rPh>
    <rPh sb="39" eb="41">
      <t>ホウシキ</t>
    </rPh>
    <rPh sb="42" eb="44">
      <t>ドウニュウ</t>
    </rPh>
    <rPh sb="45" eb="46">
      <t>トモナ</t>
    </rPh>
    <rPh sb="48" eb="49">
      <t>ツネ</t>
    </rPh>
    <rPh sb="50" eb="52">
      <t>イチブ</t>
    </rPh>
    <phoneticPr fontId="3"/>
  </si>
  <si>
    <t>（注１）共通事業所とは、「前年同月分」及び「当月分」ともに集計対象となった調査対象事業所のことである。</t>
    <rPh sb="1" eb="2">
      <t>チュウ</t>
    </rPh>
    <rPh sb="4" eb="6">
      <t>キョウツウ</t>
    </rPh>
    <rPh sb="6" eb="8">
      <t>ジギョウ</t>
    </rPh>
    <rPh sb="8" eb="9">
      <t>ショ</t>
    </rPh>
    <rPh sb="13" eb="15">
      <t>ゼンネン</t>
    </rPh>
    <rPh sb="15" eb="17">
      <t>ドウゲツ</t>
    </rPh>
    <rPh sb="17" eb="18">
      <t>ブン</t>
    </rPh>
    <rPh sb="19" eb="20">
      <t>オヨ</t>
    </rPh>
    <rPh sb="22" eb="25">
      <t>トウゲツブン</t>
    </rPh>
    <rPh sb="29" eb="31">
      <t>シュウケイ</t>
    </rPh>
    <rPh sb="31" eb="33">
      <t>タイショウ</t>
    </rPh>
    <rPh sb="37" eb="39">
      <t>チョウサ</t>
    </rPh>
    <rPh sb="39" eb="41">
      <t>タイショウ</t>
    </rPh>
    <rPh sb="41" eb="44">
      <t>ジギョウショ</t>
    </rPh>
    <phoneticPr fontId="3"/>
  </si>
  <si>
    <t>毎月勤労統計における共通事業所による前年同月比の参考提供について</t>
    <rPh sb="0" eb="1">
      <t>マイツキ</t>
    </rPh>
    <rPh sb="1" eb="3">
      <t>キンロウ</t>
    </rPh>
    <rPh sb="3" eb="5">
      <t>トウケイ</t>
    </rPh>
    <rPh sb="9" eb="11">
      <t>キョウツウ</t>
    </rPh>
    <rPh sb="11" eb="14">
      <t>ジギョウショ</t>
    </rPh>
    <rPh sb="17" eb="19">
      <t>ゼンネン</t>
    </rPh>
    <rPh sb="19" eb="22">
      <t>ドウゲツヒ</t>
    </rPh>
    <rPh sb="23" eb="25">
      <t>サンコウ</t>
    </rPh>
    <rPh sb="25" eb="27">
      <t>テイキョウ</t>
    </rPh>
    <phoneticPr fontId="42"/>
  </si>
  <si>
    <t>【参考資料】</t>
    <rPh sb="1" eb="3">
      <t>サンコウ</t>
    </rPh>
    <rPh sb="3" eb="5">
      <t>シリョウ</t>
    </rPh>
    <phoneticPr fontId="4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2">
    <numFmt numFmtId="176" formatCode="#,##0_ "/>
    <numFmt numFmtId="177" formatCode="0.0_ "/>
    <numFmt numFmtId="178" formatCode="0.00_ "/>
    <numFmt numFmtId="179" formatCode="0.0"/>
    <numFmt numFmtId="180" formatCode="#,###"/>
    <numFmt numFmtId="181" formatCode="#,###____"/>
    <numFmt numFmtId="182" formatCode="#,###______"/>
    <numFmt numFmtId="183" formatCode="0.0__"/>
    <numFmt numFmtId="184" formatCode="#,###__"/>
    <numFmt numFmtId="185" formatCode="0.0%"/>
    <numFmt numFmtId="186" formatCode="0.0____________"/>
    <numFmt numFmtId="187" formatCode="0.0________"/>
    <numFmt numFmtId="188" formatCode="0.0______"/>
    <numFmt numFmtId="189" formatCode="0.0__________"/>
    <numFmt numFmtId="190" formatCode="0.00__________"/>
    <numFmt numFmtId="191" formatCode="0.00____"/>
    <numFmt numFmtId="192" formatCode="#,###______;#,###______;0______;&quot;×&quot;______"/>
    <numFmt numFmtId="193" formatCode="0.0____________;0.0____________;0____________;&quot;×&quot;____________"/>
    <numFmt numFmtId="194" formatCode="0.0________;0.0________;0________;&quot;×&quot;________"/>
    <numFmt numFmtId="195" formatCode="0.0____;0.0____;0.0____;&quot;×&quot;____"/>
    <numFmt numFmtId="196" formatCode="0.00____;0.00____;0.00____;&quot;×&quot;____"/>
    <numFmt numFmtId="197" formatCode="_-0.0;\-0.0"/>
  </numFmts>
  <fonts count="48" x14ac:knownFonts="1">
    <font>
      <sz val="11"/>
      <name val="ＭＳ Ｐゴシック"/>
      <family val="3"/>
      <charset val="128"/>
    </font>
    <font>
      <sz val="11"/>
      <name val="ＭＳ Ｐゴシック"/>
      <family val="3"/>
      <charset val="128"/>
    </font>
    <font>
      <sz val="10"/>
      <name val="HGPｺﾞｼｯｸM"/>
      <family val="3"/>
      <charset val="128"/>
    </font>
    <font>
      <sz val="6"/>
      <name val="ＭＳ Ｐゴシック"/>
      <family val="3"/>
      <charset val="128"/>
    </font>
    <font>
      <sz val="11"/>
      <name val="ＭＳ ゴシック"/>
      <family val="3"/>
      <charset val="128"/>
    </font>
    <font>
      <sz val="8"/>
      <name val="ＭＳ ゴシック"/>
      <family val="3"/>
      <charset val="128"/>
    </font>
    <font>
      <sz val="12"/>
      <name val="HGPｺﾞｼｯｸM"/>
      <family val="3"/>
      <charset val="128"/>
    </font>
    <font>
      <sz val="8"/>
      <name val="HGPｺﾞｼｯｸM"/>
      <family val="3"/>
      <charset val="128"/>
    </font>
    <font>
      <sz val="11"/>
      <name val="HGPｺﾞｼｯｸM"/>
      <family val="3"/>
      <charset val="128"/>
    </font>
    <font>
      <sz val="10"/>
      <name val="ＭＳ ゴシック"/>
      <family val="3"/>
      <charset val="128"/>
    </font>
    <font>
      <sz val="11"/>
      <name val="HGPｺﾞｼｯｸE"/>
      <family val="3"/>
      <charset val="128"/>
    </font>
    <font>
      <sz val="9"/>
      <name val="HGPｺﾞｼｯｸM"/>
      <family val="3"/>
      <charset val="128"/>
    </font>
    <font>
      <sz val="6"/>
      <name val="HGPｺﾞｼｯｸM"/>
      <family val="3"/>
      <charset val="128"/>
    </font>
    <font>
      <sz val="9"/>
      <name val="ＭＳ ゴシック"/>
      <family val="3"/>
      <charset val="128"/>
    </font>
    <font>
      <b/>
      <sz val="8"/>
      <name val="ＭＳ ゴシック"/>
      <family val="3"/>
      <charset val="128"/>
    </font>
    <font>
      <sz val="14"/>
      <color indexed="9"/>
      <name val="HGPｺﾞｼｯｸE"/>
      <family val="3"/>
      <charset val="128"/>
    </font>
    <font>
      <b/>
      <sz val="12"/>
      <name val="ＭＳ ゴシック"/>
      <family val="3"/>
      <charset val="128"/>
    </font>
    <font>
      <b/>
      <sz val="9"/>
      <name val="ＭＳ ゴシック"/>
      <family val="3"/>
      <charset val="128"/>
    </font>
    <font>
      <sz val="6"/>
      <name val="ＭＳ ゴシック"/>
      <family val="3"/>
      <charset val="128"/>
    </font>
    <font>
      <b/>
      <sz val="11"/>
      <name val="ＭＳ ゴシック"/>
      <family val="3"/>
      <charset val="128"/>
    </font>
    <font>
      <sz val="7.5"/>
      <name val="ＭＳ ゴシック"/>
      <family val="3"/>
      <charset val="128"/>
    </font>
    <font>
      <sz val="8"/>
      <name val="ＭＳ Ｐゴシック"/>
      <family val="3"/>
      <charset val="128"/>
    </font>
    <font>
      <sz val="4.5"/>
      <name val="ＭＳ ゴシック"/>
      <family val="3"/>
      <charset val="128"/>
    </font>
    <font>
      <sz val="11"/>
      <color theme="1"/>
      <name val="HGPｺﾞｼｯｸM"/>
      <family val="3"/>
      <charset val="128"/>
    </font>
    <font>
      <sz val="11"/>
      <color theme="1"/>
      <name val="HGPｺﾞｼｯｸE"/>
      <family val="3"/>
      <charset val="128"/>
    </font>
    <font>
      <sz val="8"/>
      <color theme="1"/>
      <name val="HGPｺﾞｼｯｸM"/>
      <family val="3"/>
      <charset val="128"/>
    </font>
    <font>
      <sz val="11"/>
      <color theme="1"/>
      <name val="ＭＳ Ｐゴシック"/>
      <family val="3"/>
      <charset val="128"/>
    </font>
    <font>
      <sz val="8"/>
      <color theme="1"/>
      <name val="ＭＳ Ｐゴシック"/>
      <family val="3"/>
      <charset val="128"/>
    </font>
    <font>
      <b/>
      <sz val="11"/>
      <color theme="1"/>
      <name val="ＭＳ ゴシック"/>
      <family val="3"/>
      <charset val="128"/>
    </font>
    <font>
      <b/>
      <sz val="8"/>
      <color theme="1"/>
      <name val="ＭＳ ゴシック"/>
      <family val="3"/>
      <charset val="128"/>
    </font>
    <font>
      <sz val="8"/>
      <color theme="1"/>
      <name val="ＭＳ ゴシック"/>
      <family val="3"/>
      <charset val="128"/>
    </font>
    <font>
      <sz val="11"/>
      <color theme="1"/>
      <name val="ＭＳ ゴシック"/>
      <family val="3"/>
      <charset val="128"/>
    </font>
    <font>
      <sz val="4.5"/>
      <color theme="1"/>
      <name val="ＭＳ ゴシック"/>
      <family val="3"/>
      <charset val="128"/>
    </font>
    <font>
      <sz val="6"/>
      <color theme="1"/>
      <name val="ＭＳ ゴシック"/>
      <family val="3"/>
      <charset val="128"/>
    </font>
    <font>
      <sz val="9"/>
      <color theme="1"/>
      <name val="ＭＳ ゴシック"/>
      <family val="3"/>
      <charset val="128"/>
    </font>
    <font>
      <sz val="9"/>
      <color theme="1"/>
      <name val="HGPｺﾞｼｯｸM"/>
      <family val="3"/>
      <charset val="128"/>
    </font>
    <font>
      <sz val="10"/>
      <color theme="1"/>
      <name val="ＭＳ Ｐゴシック"/>
      <family val="3"/>
      <charset val="128"/>
    </font>
    <font>
      <sz val="10"/>
      <color theme="1"/>
      <name val="HGPｺﾞｼｯｸM"/>
      <family val="3"/>
      <charset val="128"/>
    </font>
    <font>
      <sz val="5.5"/>
      <color theme="1"/>
      <name val="HGPｺﾞｼｯｸM"/>
      <family val="3"/>
      <charset val="128"/>
    </font>
    <font>
      <sz val="6"/>
      <color theme="1"/>
      <name val="HGPｺﾞｼｯｸM"/>
      <family val="3"/>
      <charset val="128"/>
    </font>
    <font>
      <sz val="11"/>
      <name val="ＭＳ 明朝"/>
      <family val="1"/>
      <charset val="128"/>
    </font>
    <font>
      <sz val="6"/>
      <name val="ＭＳ Ｐゴシック"/>
      <family val="2"/>
      <charset val="128"/>
      <scheme val="minor"/>
    </font>
    <font>
      <sz val="6"/>
      <name val="ＭＳ 明朝"/>
      <family val="1"/>
      <charset val="128"/>
    </font>
    <font>
      <sz val="11"/>
      <color theme="1"/>
      <name val="ＭＳ Ｐゴシック"/>
      <family val="2"/>
      <charset val="128"/>
      <scheme val="minor"/>
    </font>
    <font>
      <sz val="10"/>
      <color rgb="FF000000"/>
      <name val="ＭＳ ゴシック"/>
      <family val="3"/>
      <charset val="128"/>
    </font>
    <font>
      <sz val="16"/>
      <name val="ｺﾞｼｯｸ"/>
      <family val="3"/>
      <charset val="128"/>
    </font>
    <font>
      <sz val="10"/>
      <name val="ｺﾞｼｯｸ"/>
      <family val="3"/>
      <charset val="128"/>
    </font>
    <font>
      <b/>
      <sz val="14"/>
      <name val="ＭＳ Ｐゴシック"/>
      <family val="3"/>
      <charset val="128"/>
      <scheme val="minor"/>
    </font>
  </fonts>
  <fills count="7">
    <fill>
      <patternFill patternType="none"/>
    </fill>
    <fill>
      <patternFill patternType="gray125"/>
    </fill>
    <fill>
      <patternFill patternType="solid">
        <fgColor indexed="8"/>
        <bgColor indexed="64"/>
      </patternFill>
    </fill>
    <fill>
      <patternFill patternType="solid">
        <fgColor indexed="44"/>
        <bgColor indexed="64"/>
      </patternFill>
    </fill>
    <fill>
      <patternFill patternType="solid">
        <fgColor rgb="FF99CCFF"/>
        <bgColor rgb="FF99CCFF"/>
      </patternFill>
    </fill>
    <fill>
      <patternFill patternType="solid">
        <fgColor indexed="44"/>
        <bgColor rgb="FF99CCFF"/>
      </patternFill>
    </fill>
    <fill>
      <patternFill patternType="solid">
        <fgColor rgb="FF99CCFF"/>
        <bgColor indexed="64"/>
      </patternFill>
    </fill>
  </fills>
  <borders count="38">
    <border>
      <left/>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medium">
        <color indexed="64"/>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hair">
        <color indexed="64"/>
      </top>
      <bottom/>
      <diagonal/>
    </border>
    <border>
      <left style="thin">
        <color indexed="64"/>
      </left>
      <right/>
      <top style="hair">
        <color indexed="64"/>
      </top>
      <bottom/>
      <diagonal/>
    </border>
    <border>
      <left/>
      <right style="thin">
        <color indexed="64"/>
      </right>
      <top/>
      <bottom style="medium">
        <color indexed="64"/>
      </bottom>
      <diagonal/>
    </border>
    <border>
      <left/>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hair">
        <color indexed="64"/>
      </bottom>
      <diagonal/>
    </border>
    <border>
      <left/>
      <right style="thin">
        <color indexed="64"/>
      </right>
      <top style="hair">
        <color indexed="64"/>
      </top>
      <bottom/>
      <diagonal/>
    </border>
    <border>
      <left style="thin">
        <color indexed="64"/>
      </left>
      <right/>
      <top style="medium">
        <color indexed="64"/>
      </top>
      <bottom style="thin">
        <color indexed="64"/>
      </bottom>
      <diagonal/>
    </border>
    <border>
      <left/>
      <right style="thin">
        <color indexed="64"/>
      </right>
      <top style="thin">
        <color indexed="64"/>
      </top>
      <bottom/>
      <diagonal/>
    </border>
    <border>
      <left style="thin">
        <color indexed="64"/>
      </left>
      <right/>
      <top/>
      <bottom style="medium">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style="double">
        <color indexed="64"/>
      </right>
      <top style="medium">
        <color indexed="64"/>
      </top>
      <bottom/>
      <diagonal/>
    </border>
    <border>
      <left/>
      <right style="double">
        <color indexed="64"/>
      </right>
      <top/>
      <bottom style="thin">
        <color indexed="64"/>
      </bottom>
      <diagonal/>
    </border>
    <border>
      <left/>
      <right style="double">
        <color indexed="64"/>
      </right>
      <top style="thin">
        <color indexed="64"/>
      </top>
      <bottom/>
      <diagonal/>
    </border>
    <border>
      <left/>
      <right style="double">
        <color indexed="64"/>
      </right>
      <top/>
      <bottom/>
      <diagonal/>
    </border>
    <border>
      <left/>
      <right style="double">
        <color indexed="64"/>
      </right>
      <top/>
      <bottom style="medium">
        <color indexed="64"/>
      </bottom>
      <diagonal/>
    </border>
    <border>
      <left style="double">
        <color indexed="64"/>
      </left>
      <right/>
      <top style="medium">
        <color indexed="64"/>
      </top>
      <bottom/>
      <diagonal/>
    </border>
    <border>
      <left style="thin">
        <color indexed="64"/>
      </left>
      <right style="thin">
        <color indexed="64"/>
      </right>
      <top style="dotted">
        <color indexed="64"/>
      </top>
      <bottom/>
      <diagonal/>
    </border>
    <border>
      <left/>
      <right style="thin">
        <color indexed="64"/>
      </right>
      <top style="dotted">
        <color indexed="64"/>
      </top>
      <bottom/>
      <diagonal/>
    </border>
    <border>
      <left style="thin">
        <color indexed="64"/>
      </left>
      <right/>
      <top style="dotted">
        <color indexed="64"/>
      </top>
      <bottom/>
      <diagonal/>
    </border>
    <border>
      <left/>
      <right style="thin">
        <color indexed="64"/>
      </right>
      <top/>
      <bottom style="dotted">
        <color indexed="64"/>
      </bottom>
      <diagonal/>
    </border>
    <border>
      <left style="thin">
        <color indexed="64"/>
      </left>
      <right/>
      <top/>
      <bottom style="dotted">
        <color indexed="64"/>
      </bottom>
      <diagonal/>
    </border>
  </borders>
  <cellStyleXfs count="6">
    <xf numFmtId="0" fontId="0" fillId="0" borderId="0"/>
    <xf numFmtId="38" fontId="1" fillId="0" borderId="0" applyFont="0" applyFill="0" applyBorder="0" applyAlignment="0" applyProtection="0"/>
    <xf numFmtId="0" fontId="4" fillId="0" borderId="0">
      <alignment vertical="center"/>
    </xf>
    <xf numFmtId="0" fontId="1" fillId="0" borderId="0"/>
    <xf numFmtId="0" fontId="40" fillId="0" borderId="0"/>
    <xf numFmtId="0" fontId="43" fillId="0" borderId="0">
      <alignment vertical="center"/>
    </xf>
  </cellStyleXfs>
  <cellXfs count="675">
    <xf numFmtId="0" fontId="0" fillId="0" borderId="0" xfId="0"/>
    <xf numFmtId="0" fontId="0" fillId="0" borderId="0" xfId="0" applyAlignment="1">
      <alignment horizontal="right"/>
    </xf>
    <xf numFmtId="0" fontId="0" fillId="0" borderId="0" xfId="0" applyAlignment="1">
      <alignment vertical="center"/>
    </xf>
    <xf numFmtId="0" fontId="0" fillId="0" borderId="0" xfId="0" applyAlignment="1">
      <alignment horizontal="left" vertical="center"/>
    </xf>
    <xf numFmtId="0" fontId="0" fillId="0" borderId="0" xfId="0" applyAlignment="1">
      <alignment horizontal="right" vertical="center"/>
    </xf>
    <xf numFmtId="0" fontId="0" fillId="0" borderId="0" xfId="0" applyAlignment="1">
      <alignment horizontal="center"/>
    </xf>
    <xf numFmtId="0" fontId="5" fillId="0" borderId="1" xfId="0" applyFont="1" applyBorder="1" applyAlignment="1">
      <alignment horizontal="center" vertical="center"/>
    </xf>
    <xf numFmtId="0" fontId="5" fillId="0" borderId="2" xfId="0" applyFont="1" applyBorder="1" applyAlignment="1">
      <alignment horizontal="center" vertical="center"/>
    </xf>
    <xf numFmtId="0" fontId="0" fillId="0" borderId="0" xfId="0" applyAlignment="1">
      <alignment horizontal="center" vertical="center"/>
    </xf>
    <xf numFmtId="0" fontId="8" fillId="0" borderId="0" xfId="0" applyFont="1" applyAlignment="1">
      <alignment vertical="center"/>
    </xf>
    <xf numFmtId="0" fontId="10" fillId="0" borderId="0" xfId="0" applyFont="1" applyAlignment="1">
      <alignment horizontal="left" vertical="center"/>
    </xf>
    <xf numFmtId="0" fontId="6" fillId="0" borderId="0" xfId="0" applyFont="1" applyAlignment="1">
      <alignment horizontal="left" vertical="center"/>
    </xf>
    <xf numFmtId="0" fontId="6" fillId="0" borderId="0" xfId="0" applyFont="1" applyAlignment="1">
      <alignment horizontal="center" vertical="center"/>
    </xf>
    <xf numFmtId="0" fontId="16" fillId="0" borderId="3" xfId="0" applyFont="1" applyBorder="1" applyAlignment="1">
      <alignment horizontal="center" vertical="center"/>
    </xf>
    <xf numFmtId="0" fontId="16" fillId="0" borderId="0" xfId="0" applyFont="1" applyAlignment="1">
      <alignment horizontal="center" vertical="center"/>
    </xf>
    <xf numFmtId="0" fontId="17" fillId="0" borderId="4" xfId="0" applyFont="1" applyBorder="1" applyAlignment="1">
      <alignment horizontal="center" vertical="center"/>
    </xf>
    <xf numFmtId="0" fontId="17" fillId="0" borderId="5" xfId="0" applyFont="1" applyBorder="1" applyAlignment="1">
      <alignment horizontal="center" vertical="center"/>
    </xf>
    <xf numFmtId="0" fontId="13" fillId="0" borderId="4" xfId="0" applyFont="1" applyBorder="1" applyAlignment="1">
      <alignment horizontal="center" vertical="center"/>
    </xf>
    <xf numFmtId="0" fontId="13" fillId="0" borderId="4" xfId="0" applyFont="1" applyBorder="1" applyAlignment="1">
      <alignment horizontal="center" vertical="center" wrapText="1"/>
    </xf>
    <xf numFmtId="0" fontId="1" fillId="0" borderId="4" xfId="0" applyFont="1" applyBorder="1"/>
    <xf numFmtId="0" fontId="17" fillId="0" borderId="0" xfId="0" applyFont="1" applyAlignment="1">
      <alignment horizontal="center" vertical="center"/>
    </xf>
    <xf numFmtId="0" fontId="13" fillId="0" borderId="0" xfId="0" applyFont="1" applyAlignment="1">
      <alignment horizontal="distributed" vertical="center"/>
    </xf>
    <xf numFmtId="0" fontId="17" fillId="0" borderId="7" xfId="0" applyFont="1" applyBorder="1" applyAlignment="1">
      <alignment horizontal="center" vertical="center"/>
    </xf>
    <xf numFmtId="0" fontId="13" fillId="0" borderId="0" xfId="0" applyFont="1" applyAlignment="1">
      <alignment horizontal="center" vertical="center"/>
    </xf>
    <xf numFmtId="0" fontId="1" fillId="0" borderId="1" xfId="0" applyFont="1" applyBorder="1"/>
    <xf numFmtId="0" fontId="17" fillId="0" borderId="0" xfId="0" applyFont="1" applyAlignment="1">
      <alignment horizontal="center" vertical="center" wrapText="1" shrinkToFit="1"/>
    </xf>
    <xf numFmtId="0" fontId="17" fillId="0" borderId="11" xfId="0" applyFont="1" applyBorder="1" applyAlignment="1">
      <alignment horizontal="center" vertical="center"/>
    </xf>
    <xf numFmtId="0" fontId="17" fillId="0" borderId="12" xfId="0" applyFont="1" applyBorder="1" applyAlignment="1">
      <alignment horizontal="center" vertical="center"/>
    </xf>
    <xf numFmtId="0" fontId="17" fillId="0" borderId="13" xfId="0" applyFont="1" applyBorder="1" applyAlignment="1">
      <alignment horizontal="center" vertical="center"/>
    </xf>
    <xf numFmtId="0" fontId="18" fillId="0" borderId="11" xfId="0" applyFont="1" applyBorder="1" applyAlignment="1">
      <alignment horizontal="right" vertical="center"/>
    </xf>
    <xf numFmtId="0" fontId="17" fillId="0" borderId="13" xfId="0" applyFont="1" applyBorder="1" applyAlignment="1">
      <alignment horizontal="center" vertical="center" wrapText="1"/>
    </xf>
    <xf numFmtId="0" fontId="17" fillId="0" borderId="11" xfId="0" applyFont="1" applyBorder="1" applyAlignment="1">
      <alignment horizontal="center" vertical="center" wrapText="1"/>
    </xf>
    <xf numFmtId="0" fontId="18" fillId="0" borderId="13" xfId="0" applyFont="1" applyBorder="1" applyAlignment="1">
      <alignment horizontal="right" vertical="center"/>
    </xf>
    <xf numFmtId="0" fontId="17" fillId="0" borderId="11" xfId="0" applyFont="1" applyBorder="1" applyAlignment="1">
      <alignment horizontal="center" vertical="center" wrapText="1" shrinkToFit="1"/>
    </xf>
    <xf numFmtId="0" fontId="18" fillId="0" borderId="0" xfId="0" applyFont="1" applyAlignment="1">
      <alignment horizontal="right" vertical="center"/>
    </xf>
    <xf numFmtId="0" fontId="11" fillId="0" borderId="0" xfId="0" applyFont="1"/>
    <xf numFmtId="176" fontId="7" fillId="0" borderId="0" xfId="0" applyNumberFormat="1" applyFont="1"/>
    <xf numFmtId="9" fontId="7" fillId="0" borderId="0" xfId="0" applyNumberFormat="1" applyFont="1"/>
    <xf numFmtId="0" fontId="8" fillId="0" borderId="0" xfId="0" applyFont="1"/>
    <xf numFmtId="0" fontId="8" fillId="0" borderId="8" xfId="0" applyFont="1" applyBorder="1"/>
    <xf numFmtId="0" fontId="13" fillId="0" borderId="0" xfId="0" applyFont="1"/>
    <xf numFmtId="176" fontId="5" fillId="0" borderId="0" xfId="0" applyNumberFormat="1" applyFont="1"/>
    <xf numFmtId="176" fontId="12" fillId="0" borderId="0" xfId="0" applyNumberFormat="1" applyFont="1" applyAlignment="1">
      <alignment horizontal="right" vertical="center"/>
    </xf>
    <xf numFmtId="0" fontId="4" fillId="0" borderId="0" xfId="0" applyFont="1" applyAlignment="1">
      <alignment horizontal="right" vertical="center"/>
    </xf>
    <xf numFmtId="9" fontId="12" fillId="0" borderId="0" xfId="0" applyNumberFormat="1" applyFont="1" applyAlignment="1">
      <alignment horizontal="right" vertical="center"/>
    </xf>
    <xf numFmtId="0" fontId="12" fillId="0" borderId="0" xfId="0" applyFont="1" applyAlignment="1">
      <alignment horizontal="right" vertical="center"/>
    </xf>
    <xf numFmtId="0" fontId="8" fillId="3" borderId="0" xfId="0" applyFont="1" applyFill="1"/>
    <xf numFmtId="0" fontId="9" fillId="3" borderId="0" xfId="0" applyFont="1" applyFill="1" applyAlignment="1">
      <alignment horizontal="distributed" vertical="center"/>
    </xf>
    <xf numFmtId="177" fontId="2" fillId="0" borderId="0" xfId="0" applyNumberFormat="1" applyFont="1" applyAlignment="1">
      <alignment vertical="center"/>
    </xf>
    <xf numFmtId="0" fontId="9" fillId="0" borderId="0" xfId="0" applyFont="1" applyAlignment="1">
      <alignment horizontal="distributed" vertical="center"/>
    </xf>
    <xf numFmtId="182" fontId="8" fillId="0" borderId="8" xfId="0" applyNumberFormat="1" applyFont="1" applyBorder="1"/>
    <xf numFmtId="182" fontId="8" fillId="0" borderId="0" xfId="0" applyNumberFormat="1" applyFont="1"/>
    <xf numFmtId="183" fontId="8" fillId="0" borderId="0" xfId="0" applyNumberFormat="1" applyFont="1"/>
    <xf numFmtId="181" fontId="8" fillId="0" borderId="0" xfId="0" applyNumberFormat="1" applyFont="1"/>
    <xf numFmtId="184" fontId="8" fillId="0" borderId="0" xfId="0" applyNumberFormat="1" applyFont="1"/>
    <xf numFmtId="182" fontId="2" fillId="0" borderId="0" xfId="0" applyNumberFormat="1" applyFont="1" applyAlignment="1">
      <alignment vertical="center"/>
    </xf>
    <xf numFmtId="176" fontId="2" fillId="0" borderId="0" xfId="0" applyNumberFormat="1" applyFont="1" applyAlignment="1">
      <alignment vertical="center"/>
    </xf>
    <xf numFmtId="182" fontId="11" fillId="0" borderId="0" xfId="0" applyNumberFormat="1" applyFont="1" applyAlignment="1">
      <alignment vertical="center"/>
    </xf>
    <xf numFmtId="176" fontId="11" fillId="0" borderId="0" xfId="0" applyNumberFormat="1" applyFont="1" applyAlignment="1">
      <alignment vertical="center"/>
    </xf>
    <xf numFmtId="0" fontId="9" fillId="0" borderId="14" xfId="0" applyFont="1" applyBorder="1" applyAlignment="1">
      <alignment horizontal="distributed" vertical="center"/>
    </xf>
    <xf numFmtId="0" fontId="13" fillId="0" borderId="14" xfId="0" applyFont="1" applyBorder="1" applyAlignment="1">
      <alignment horizontal="distributed" vertical="center"/>
    </xf>
    <xf numFmtId="176" fontId="5" fillId="0" borderId="14" xfId="0" applyNumberFormat="1" applyFont="1" applyBorder="1"/>
    <xf numFmtId="9" fontId="7" fillId="0" borderId="14" xfId="0" applyNumberFormat="1" applyFont="1" applyBorder="1"/>
    <xf numFmtId="0" fontId="8" fillId="0" borderId="14" xfId="0" applyFont="1" applyBorder="1"/>
    <xf numFmtId="182" fontId="8" fillId="0" borderId="15" xfId="0" applyNumberFormat="1" applyFont="1" applyBorder="1"/>
    <xf numFmtId="182" fontId="8" fillId="0" borderId="14" xfId="0" applyNumberFormat="1" applyFont="1" applyBorder="1"/>
    <xf numFmtId="183" fontId="8" fillId="0" borderId="14" xfId="0" applyNumberFormat="1" applyFont="1" applyBorder="1"/>
    <xf numFmtId="181" fontId="8" fillId="0" borderId="14" xfId="0" applyNumberFormat="1" applyFont="1" applyBorder="1"/>
    <xf numFmtId="184" fontId="8" fillId="0" borderId="14" xfId="0" applyNumberFormat="1" applyFont="1" applyBorder="1"/>
    <xf numFmtId="182" fontId="2" fillId="0" borderId="14" xfId="0" applyNumberFormat="1" applyFont="1" applyBorder="1" applyAlignment="1">
      <alignment vertical="center"/>
    </xf>
    <xf numFmtId="182" fontId="2" fillId="0" borderId="14" xfId="0" applyNumberFormat="1" applyFont="1" applyBorder="1" applyAlignment="1">
      <alignment horizontal="right" vertical="center"/>
    </xf>
    <xf numFmtId="182" fontId="2" fillId="0" borderId="0" xfId="0" applyNumberFormat="1" applyFont="1" applyAlignment="1">
      <alignment horizontal="right" vertical="center"/>
    </xf>
    <xf numFmtId="0" fontId="11" fillId="0" borderId="3" xfId="0" applyFont="1" applyBorder="1" applyAlignment="1">
      <alignment horizontal="center"/>
    </xf>
    <xf numFmtId="0" fontId="13" fillId="0" borderId="3" xfId="0" applyFont="1" applyBorder="1" applyAlignment="1">
      <alignment horizontal="center"/>
    </xf>
    <xf numFmtId="176" fontId="5" fillId="0" borderId="3" xfId="0" applyNumberFormat="1" applyFont="1" applyBorder="1"/>
    <xf numFmtId="9" fontId="7" fillId="0" borderId="3" xfId="0" applyNumberFormat="1" applyFont="1" applyBorder="1"/>
    <xf numFmtId="0" fontId="8" fillId="0" borderId="3" xfId="0" applyFont="1" applyBorder="1"/>
    <xf numFmtId="0" fontId="8" fillId="0" borderId="16" xfId="0" applyFont="1" applyBorder="1"/>
    <xf numFmtId="0" fontId="0" fillId="0" borderId="3" xfId="0" applyBorder="1"/>
    <xf numFmtId="0" fontId="4" fillId="0" borderId="3" xfId="0" applyFont="1" applyBorder="1"/>
    <xf numFmtId="176" fontId="11" fillId="0" borderId="3" xfId="0" applyNumberFormat="1" applyFont="1" applyBorder="1"/>
    <xf numFmtId="9" fontId="11" fillId="0" borderId="3" xfId="0" applyNumberFormat="1" applyFont="1" applyBorder="1"/>
    <xf numFmtId="0" fontId="11" fillId="0" borderId="3" xfId="0" applyFont="1" applyBorder="1"/>
    <xf numFmtId="185" fontId="11" fillId="0" borderId="3" xfId="0" applyNumberFormat="1" applyFont="1" applyBorder="1"/>
    <xf numFmtId="0" fontId="11" fillId="0" borderId="0" xfId="0" applyFont="1" applyAlignment="1">
      <alignment horizontal="center"/>
    </xf>
    <xf numFmtId="0" fontId="13" fillId="0" borderId="0" xfId="0" applyFont="1" applyAlignment="1">
      <alignment horizontal="center"/>
    </xf>
    <xf numFmtId="0" fontId="4" fillId="0" borderId="0" xfId="0" applyFont="1"/>
    <xf numFmtId="176" fontId="17" fillId="0" borderId="0" xfId="0" applyNumberFormat="1" applyFont="1" applyAlignment="1">
      <alignment horizontal="center" vertical="center"/>
    </xf>
    <xf numFmtId="0" fontId="17" fillId="0" borderId="0" xfId="0" applyFont="1"/>
    <xf numFmtId="0" fontId="13" fillId="0" borderId="5" xfId="0" applyFont="1" applyBorder="1" applyAlignment="1">
      <alignment horizontal="center" vertical="center"/>
    </xf>
    <xf numFmtId="0" fontId="1" fillId="0" borderId="17" xfId="0" applyFont="1" applyBorder="1"/>
    <xf numFmtId="0" fontId="0" fillId="0" borderId="11" xfId="0" applyBorder="1"/>
    <xf numFmtId="0" fontId="18" fillId="0" borderId="12" xfId="0" applyFont="1" applyBorder="1" applyAlignment="1">
      <alignment horizontal="right" vertical="center"/>
    </xf>
    <xf numFmtId="0" fontId="0" fillId="0" borderId="13" xfId="0" applyBorder="1"/>
    <xf numFmtId="0" fontId="8" fillId="0" borderId="7" xfId="0" applyFont="1" applyBorder="1"/>
    <xf numFmtId="0" fontId="17" fillId="0" borderId="0" xfId="0" applyFont="1" applyAlignment="1">
      <alignment horizontal="center" vertical="center" wrapText="1"/>
    </xf>
    <xf numFmtId="0" fontId="3" fillId="0" borderId="0" xfId="0" applyFont="1" applyAlignment="1">
      <alignment horizontal="right" vertical="center"/>
    </xf>
    <xf numFmtId="0" fontId="3" fillId="0" borderId="0" xfId="0" applyFont="1"/>
    <xf numFmtId="0" fontId="9" fillId="3" borderId="7" xfId="0" applyFont="1" applyFill="1" applyBorder="1" applyAlignment="1">
      <alignment horizontal="distributed" vertical="center"/>
    </xf>
    <xf numFmtId="186" fontId="8" fillId="0" borderId="0" xfId="0" applyNumberFormat="1" applyFont="1"/>
    <xf numFmtId="187" fontId="8" fillId="0" borderId="0" xfId="0" applyNumberFormat="1" applyFont="1"/>
    <xf numFmtId="188" fontId="8" fillId="0" borderId="0" xfId="0" applyNumberFormat="1" applyFont="1"/>
    <xf numFmtId="189" fontId="8" fillId="0" borderId="0" xfId="0" applyNumberFormat="1" applyFont="1"/>
    <xf numFmtId="0" fontId="9" fillId="0" borderId="7" xfId="0" applyFont="1" applyBorder="1" applyAlignment="1">
      <alignment horizontal="distributed" vertical="center"/>
    </xf>
    <xf numFmtId="186" fontId="8" fillId="0" borderId="20" xfId="0" applyNumberFormat="1" applyFont="1" applyBorder="1"/>
    <xf numFmtId="0" fontId="8" fillId="0" borderId="20" xfId="0" applyFont="1" applyBorder="1"/>
    <xf numFmtId="187" fontId="8" fillId="0" borderId="20" xfId="0" applyNumberFormat="1" applyFont="1" applyBorder="1"/>
    <xf numFmtId="188" fontId="8" fillId="0" borderId="20" xfId="0" applyNumberFormat="1" applyFont="1" applyBorder="1"/>
    <xf numFmtId="189" fontId="8" fillId="0" borderId="20" xfId="0" applyNumberFormat="1" applyFont="1" applyBorder="1"/>
    <xf numFmtId="0" fontId="8" fillId="0" borderId="21" xfId="0" applyFont="1" applyBorder="1"/>
    <xf numFmtId="189" fontId="8" fillId="0" borderId="3" xfId="0" applyNumberFormat="1" applyFont="1" applyBorder="1"/>
    <xf numFmtId="189" fontId="0" fillId="0" borderId="3" xfId="0" applyNumberFormat="1" applyBorder="1"/>
    <xf numFmtId="187" fontId="8" fillId="0" borderId="3" xfId="0" applyNumberFormat="1" applyFont="1" applyBorder="1"/>
    <xf numFmtId="187" fontId="0" fillId="0" borderId="3" xfId="0" applyNumberFormat="1" applyBorder="1"/>
    <xf numFmtId="0" fontId="19" fillId="0" borderId="0" xfId="0" applyFont="1" applyAlignment="1">
      <alignment horizontal="center" vertical="center"/>
    </xf>
    <xf numFmtId="176" fontId="11" fillId="0" borderId="0" xfId="0" applyNumberFormat="1" applyFont="1"/>
    <xf numFmtId="176" fontId="12" fillId="0" borderId="0" xfId="0" applyNumberFormat="1" applyFont="1" applyAlignment="1">
      <alignment horizontal="right"/>
    </xf>
    <xf numFmtId="0" fontId="17" fillId="0" borderId="8" xfId="0" applyFont="1" applyBorder="1" applyAlignment="1">
      <alignment horizontal="center" vertical="center"/>
    </xf>
    <xf numFmtId="0" fontId="12" fillId="0" borderId="8" xfId="0" applyFont="1" applyBorder="1" applyAlignment="1">
      <alignment horizontal="right" vertical="center"/>
    </xf>
    <xf numFmtId="190" fontId="8" fillId="0" borderId="0" xfId="0" applyNumberFormat="1" applyFont="1"/>
    <xf numFmtId="191" fontId="8" fillId="0" borderId="0" xfId="0" applyNumberFormat="1" applyFont="1"/>
    <xf numFmtId="190" fontId="8" fillId="0" borderId="14" xfId="0" applyNumberFormat="1" applyFont="1" applyBorder="1"/>
    <xf numFmtId="191" fontId="8" fillId="0" borderId="14" xfId="0" applyNumberFormat="1" applyFont="1" applyBorder="1"/>
    <xf numFmtId="0" fontId="8" fillId="0" borderId="24" xfId="0" applyFont="1" applyBorder="1"/>
    <xf numFmtId="177" fontId="7" fillId="0" borderId="0" xfId="0" applyNumberFormat="1" applyFont="1"/>
    <xf numFmtId="178" fontId="7" fillId="0" borderId="0" xfId="0" applyNumberFormat="1" applyFont="1"/>
    <xf numFmtId="177" fontId="11" fillId="0" borderId="0" xfId="0" applyNumberFormat="1" applyFont="1"/>
    <xf numFmtId="185" fontId="11" fillId="0" borderId="0" xfId="0" applyNumberFormat="1" applyFont="1"/>
    <xf numFmtId="49" fontId="8" fillId="0" borderId="0" xfId="0" applyNumberFormat="1" applyFont="1" applyAlignment="1">
      <alignment vertical="center" textRotation="180"/>
    </xf>
    <xf numFmtId="0" fontId="7" fillId="0" borderId="0" xfId="0" applyFont="1"/>
    <xf numFmtId="0" fontId="7" fillId="0" borderId="0" xfId="0" applyFont="1" applyAlignment="1">
      <alignment horizontal="right"/>
    </xf>
    <xf numFmtId="176" fontId="13" fillId="0" borderId="6" xfId="0" applyNumberFormat="1" applyFont="1" applyBorder="1"/>
    <xf numFmtId="0" fontId="13" fillId="0" borderId="4" xfId="0" applyFont="1" applyBorder="1"/>
    <xf numFmtId="0" fontId="13" fillId="0" borderId="5" xfId="0" applyFont="1" applyBorder="1"/>
    <xf numFmtId="0" fontId="13" fillId="0" borderId="6" xfId="0" applyFont="1" applyBorder="1"/>
    <xf numFmtId="176" fontId="13" fillId="0" borderId="13" xfId="0" applyNumberFormat="1" applyFont="1" applyBorder="1"/>
    <xf numFmtId="0" fontId="13" fillId="0" borderId="11" xfId="0" applyFont="1" applyBorder="1"/>
    <xf numFmtId="0" fontId="13" fillId="0" borderId="12" xfId="0" applyFont="1" applyBorder="1"/>
    <xf numFmtId="0" fontId="13" fillId="0" borderId="13" xfId="0" applyFont="1" applyBorder="1"/>
    <xf numFmtId="0" fontId="5" fillId="0" borderId="1" xfId="0" applyFont="1" applyBorder="1"/>
    <xf numFmtId="0" fontId="5" fillId="0" borderId="2" xfId="0" applyFont="1" applyBorder="1"/>
    <xf numFmtId="0" fontId="5" fillId="0" borderId="11" xfId="0" applyFont="1" applyBorder="1" applyAlignment="1">
      <alignment horizontal="center" vertical="center"/>
    </xf>
    <xf numFmtId="0" fontId="5" fillId="0" borderId="12" xfId="0" applyFont="1" applyBorder="1"/>
    <xf numFmtId="0" fontId="5" fillId="0" borderId="18" xfId="0" applyFont="1" applyBorder="1" applyAlignment="1">
      <alignment horizontal="center" vertical="center"/>
    </xf>
    <xf numFmtId="0" fontId="5" fillId="0" borderId="25" xfId="0" applyFont="1" applyBorder="1" applyAlignment="1">
      <alignment horizontal="center" vertical="center"/>
    </xf>
    <xf numFmtId="0" fontId="5" fillId="3" borderId="0" xfId="0" applyFont="1" applyFill="1" applyAlignment="1">
      <alignment horizontal="center" vertical="center"/>
    </xf>
    <xf numFmtId="0" fontId="5" fillId="3" borderId="7" xfId="0" applyFont="1" applyFill="1" applyBorder="1" applyAlignment="1">
      <alignment horizontal="distributed" vertical="center"/>
    </xf>
    <xf numFmtId="192" fontId="7" fillId="3" borderId="9" xfId="0" applyNumberFormat="1" applyFont="1" applyFill="1" applyBorder="1" applyAlignment="1">
      <alignment vertical="center"/>
    </xf>
    <xf numFmtId="192" fontId="7" fillId="3" borderId="10" xfId="0" applyNumberFormat="1" applyFont="1" applyFill="1" applyBorder="1" applyAlignment="1">
      <alignment vertical="center"/>
    </xf>
    <xf numFmtId="192" fontId="7" fillId="3" borderId="23" xfId="0" applyNumberFormat="1" applyFont="1" applyFill="1" applyBorder="1" applyAlignment="1">
      <alignment vertical="center"/>
    </xf>
    <xf numFmtId="0" fontId="5" fillId="0" borderId="0" xfId="0" applyFont="1" applyAlignment="1">
      <alignment horizontal="center" vertical="center"/>
    </xf>
    <xf numFmtId="0" fontId="5" fillId="0" borderId="7" xfId="0" applyFont="1" applyBorder="1" applyAlignment="1">
      <alignment horizontal="center" vertical="center"/>
    </xf>
    <xf numFmtId="192" fontId="7" fillId="0" borderId="8" xfId="0" applyNumberFormat="1" applyFont="1" applyBorder="1" applyAlignment="1">
      <alignment vertical="center"/>
    </xf>
    <xf numFmtId="192" fontId="7" fillId="0" borderId="0" xfId="0" applyNumberFormat="1" applyFont="1" applyAlignment="1">
      <alignment vertical="center"/>
    </xf>
    <xf numFmtId="192" fontId="7" fillId="0" borderId="7" xfId="0" applyNumberFormat="1" applyFont="1" applyBorder="1" applyAlignment="1">
      <alignment vertical="center"/>
    </xf>
    <xf numFmtId="0" fontId="5" fillId="0" borderId="7" xfId="0" applyFont="1" applyBorder="1" applyAlignment="1">
      <alignment horizontal="distributed" vertical="center"/>
    </xf>
    <xf numFmtId="192" fontId="7" fillId="3" borderId="8" xfId="0" applyNumberFormat="1" applyFont="1" applyFill="1" applyBorder="1" applyAlignment="1">
      <alignment vertical="center"/>
    </xf>
    <xf numFmtId="192" fontId="7" fillId="3" borderId="0" xfId="0" applyNumberFormat="1" applyFont="1" applyFill="1" applyAlignment="1">
      <alignment vertical="center"/>
    </xf>
    <xf numFmtId="192" fontId="7" fillId="3" borderId="7" xfId="0" applyNumberFormat="1" applyFont="1" applyFill="1" applyBorder="1" applyAlignment="1">
      <alignment vertical="center"/>
    </xf>
    <xf numFmtId="192" fontId="7" fillId="3" borderId="8" xfId="0" applyNumberFormat="1" applyFont="1" applyFill="1" applyBorder="1" applyAlignment="1">
      <alignment horizontal="right" vertical="center"/>
    </xf>
    <xf numFmtId="192" fontId="7" fillId="3" borderId="0" xfId="0" applyNumberFormat="1" applyFont="1" applyFill="1" applyAlignment="1">
      <alignment horizontal="right" vertical="center"/>
    </xf>
    <xf numFmtId="192" fontId="7" fillId="3" borderId="7" xfId="0" applyNumberFormat="1" applyFont="1" applyFill="1" applyBorder="1" applyAlignment="1">
      <alignment horizontal="right" vertical="center"/>
    </xf>
    <xf numFmtId="192" fontId="7" fillId="0" borderId="8" xfId="0" applyNumberFormat="1" applyFont="1" applyBorder="1" applyAlignment="1">
      <alignment horizontal="right" vertical="center"/>
    </xf>
    <xf numFmtId="192" fontId="7" fillId="0" borderId="0" xfId="0" applyNumberFormat="1" applyFont="1" applyAlignment="1">
      <alignment horizontal="right" vertical="center"/>
    </xf>
    <xf numFmtId="192" fontId="7" fillId="0" borderId="7" xfId="0" applyNumberFormat="1" applyFont="1" applyBorder="1" applyAlignment="1">
      <alignment horizontal="right" vertical="center"/>
    </xf>
    <xf numFmtId="0" fontId="5" fillId="3" borderId="3" xfId="0" applyFont="1" applyFill="1" applyBorder="1" applyAlignment="1">
      <alignment horizontal="center" vertical="center"/>
    </xf>
    <xf numFmtId="0" fontId="5" fillId="3" borderId="16" xfId="0" applyFont="1" applyFill="1" applyBorder="1" applyAlignment="1">
      <alignment horizontal="distributed" vertical="center"/>
    </xf>
    <xf numFmtId="192" fontId="7" fillId="3" borderId="24" xfId="0" applyNumberFormat="1" applyFont="1" applyFill="1" applyBorder="1" applyAlignment="1">
      <alignment vertical="center"/>
    </xf>
    <xf numFmtId="192" fontId="7" fillId="3" borderId="3" xfId="0" applyNumberFormat="1" applyFont="1" applyFill="1" applyBorder="1" applyAlignment="1">
      <alignment vertical="center"/>
    </xf>
    <xf numFmtId="192" fontId="7" fillId="3" borderId="16" xfId="0" applyNumberFormat="1" applyFont="1" applyFill="1" applyBorder="1" applyAlignment="1">
      <alignment vertical="center"/>
    </xf>
    <xf numFmtId="0" fontId="7" fillId="0" borderId="0" xfId="0" applyFont="1" applyAlignment="1">
      <alignment horizontal="center"/>
    </xf>
    <xf numFmtId="0" fontId="7" fillId="0" borderId="0" xfId="0" applyFont="1" applyAlignment="1">
      <alignment vertical="top" textRotation="90"/>
    </xf>
    <xf numFmtId="0" fontId="8" fillId="0" borderId="0" xfId="0" applyFont="1" applyAlignment="1">
      <alignment horizontal="center"/>
    </xf>
    <xf numFmtId="0" fontId="8" fillId="0" borderId="0" xfId="0" applyFont="1" applyAlignment="1">
      <alignment vertical="top" textRotation="90"/>
    </xf>
    <xf numFmtId="192" fontId="7" fillId="3" borderId="9" xfId="0" applyNumberFormat="1" applyFont="1" applyFill="1" applyBorder="1" applyAlignment="1">
      <alignment horizontal="right" vertical="center"/>
    </xf>
    <xf numFmtId="192" fontId="7" fillId="3" borderId="10" xfId="0" applyNumberFormat="1" applyFont="1" applyFill="1" applyBorder="1" applyAlignment="1">
      <alignment horizontal="right" vertical="center"/>
    </xf>
    <xf numFmtId="192" fontId="7" fillId="3" borderId="23" xfId="0" applyNumberFormat="1" applyFont="1" applyFill="1" applyBorder="1" applyAlignment="1">
      <alignment horizontal="right" vertical="center"/>
    </xf>
    <xf numFmtId="192" fontId="7" fillId="3" borderId="24" xfId="0" applyNumberFormat="1" applyFont="1" applyFill="1" applyBorder="1" applyAlignment="1">
      <alignment horizontal="right" vertical="center"/>
    </xf>
    <xf numFmtId="192" fontId="7" fillId="3" borderId="3" xfId="0" applyNumberFormat="1" applyFont="1" applyFill="1" applyBorder="1" applyAlignment="1">
      <alignment horizontal="right" vertical="center"/>
    </xf>
    <xf numFmtId="192" fontId="7" fillId="3" borderId="16" xfId="0" applyNumberFormat="1" applyFont="1" applyFill="1" applyBorder="1" applyAlignment="1">
      <alignment horizontal="right" vertical="center"/>
    </xf>
    <xf numFmtId="176" fontId="5" fillId="0" borderId="6" xfId="0" applyNumberFormat="1" applyFont="1" applyBorder="1" applyAlignment="1">
      <alignment vertical="center"/>
    </xf>
    <xf numFmtId="0" fontId="4" fillId="0" borderId="5" xfId="0" applyFont="1" applyBorder="1" applyAlignment="1">
      <alignment vertical="center"/>
    </xf>
    <xf numFmtId="0" fontId="4" fillId="0" borderId="6" xfId="0" applyFont="1" applyBorder="1" applyAlignment="1">
      <alignment vertical="center"/>
    </xf>
    <xf numFmtId="0" fontId="4" fillId="0" borderId="4" xfId="0" applyFont="1" applyBorder="1" applyAlignment="1">
      <alignment vertical="center"/>
    </xf>
    <xf numFmtId="176" fontId="5" fillId="0" borderId="13" xfId="0" applyNumberFormat="1" applyFont="1" applyBorder="1" applyAlignment="1">
      <alignment vertical="center"/>
    </xf>
    <xf numFmtId="0" fontId="4" fillId="0" borderId="12" xfId="0" applyFont="1" applyBorder="1" applyAlignment="1">
      <alignment vertical="center"/>
    </xf>
    <xf numFmtId="0" fontId="4" fillId="0" borderId="13" xfId="0" applyFont="1" applyBorder="1" applyAlignment="1">
      <alignment vertical="center"/>
    </xf>
    <xf numFmtId="0" fontId="4" fillId="0" borderId="7" xfId="0" applyFont="1" applyBorder="1" applyAlignment="1">
      <alignment vertical="center"/>
    </xf>
    <xf numFmtId="0" fontId="4" fillId="0" borderId="0" xfId="0" applyFont="1" applyAlignment="1">
      <alignment vertical="center"/>
    </xf>
    <xf numFmtId="0" fontId="4" fillId="0" borderId="23" xfId="0" applyFont="1" applyBorder="1" applyAlignment="1">
      <alignment vertical="center"/>
    </xf>
    <xf numFmtId="0" fontId="4" fillId="0" borderId="11" xfId="0" applyFont="1" applyBorder="1" applyAlignment="1">
      <alignment vertical="center"/>
    </xf>
    <xf numFmtId="0" fontId="5" fillId="0" borderId="8" xfId="0" applyFont="1" applyBorder="1" applyAlignment="1">
      <alignment horizontal="center" vertical="center"/>
    </xf>
    <xf numFmtId="193" fontId="7" fillId="3" borderId="9" xfId="0" applyNumberFormat="1" applyFont="1" applyFill="1" applyBorder="1" applyAlignment="1">
      <alignment vertical="center"/>
    </xf>
    <xf numFmtId="194" fontId="7" fillId="3" borderId="10" xfId="0" applyNumberFormat="1" applyFont="1" applyFill="1" applyBorder="1" applyAlignment="1">
      <alignment vertical="center"/>
    </xf>
    <xf numFmtId="193" fontId="7" fillId="3" borderId="23" xfId="0" applyNumberFormat="1" applyFont="1" applyFill="1" applyBorder="1" applyAlignment="1">
      <alignment vertical="center"/>
    </xf>
    <xf numFmtId="193" fontId="7" fillId="0" borderId="8" xfId="0" applyNumberFormat="1" applyFont="1" applyBorder="1" applyAlignment="1">
      <alignment vertical="center"/>
    </xf>
    <xf numFmtId="194" fontId="7" fillId="0" borderId="0" xfId="0" applyNumberFormat="1" applyFont="1" applyAlignment="1">
      <alignment vertical="center"/>
    </xf>
    <xf numFmtId="193" fontId="7" fillId="0" borderId="7" xfId="0" applyNumberFormat="1" applyFont="1" applyBorder="1" applyAlignment="1">
      <alignment vertical="center"/>
    </xf>
    <xf numFmtId="193" fontId="7" fillId="3" borderId="8" xfId="0" applyNumberFormat="1" applyFont="1" applyFill="1" applyBorder="1" applyAlignment="1">
      <alignment vertical="center"/>
    </xf>
    <xf numFmtId="194" fontId="7" fillId="3" borderId="0" xfId="0" applyNumberFormat="1" applyFont="1" applyFill="1" applyAlignment="1">
      <alignment vertical="center"/>
    </xf>
    <xf numFmtId="193" fontId="7" fillId="3" borderId="7" xfId="0" applyNumberFormat="1" applyFont="1" applyFill="1" applyBorder="1" applyAlignment="1">
      <alignment vertical="center"/>
    </xf>
    <xf numFmtId="193" fontId="7" fillId="3" borderId="8" xfId="0" applyNumberFormat="1" applyFont="1" applyFill="1" applyBorder="1" applyAlignment="1">
      <alignment horizontal="right" vertical="center"/>
    </xf>
    <xf numFmtId="194" fontId="7" fillId="3" borderId="0" xfId="0" applyNumberFormat="1" applyFont="1" applyFill="1" applyAlignment="1">
      <alignment horizontal="right" vertical="center"/>
    </xf>
    <xf numFmtId="193" fontId="7" fillId="3" borderId="7" xfId="0" applyNumberFormat="1" applyFont="1" applyFill="1" applyBorder="1" applyAlignment="1">
      <alignment horizontal="right" vertical="center"/>
    </xf>
    <xf numFmtId="193" fontId="7" fillId="0" borderId="8" xfId="0" applyNumberFormat="1" applyFont="1" applyBorder="1" applyAlignment="1">
      <alignment horizontal="right" vertical="center"/>
    </xf>
    <xf numFmtId="194" fontId="7" fillId="0" borderId="0" xfId="0" applyNumberFormat="1" applyFont="1" applyAlignment="1">
      <alignment horizontal="right" vertical="center"/>
    </xf>
    <xf numFmtId="193" fontId="7" fillId="0" borderId="7" xfId="0" applyNumberFormat="1" applyFont="1" applyBorder="1" applyAlignment="1">
      <alignment horizontal="right" vertical="center"/>
    </xf>
    <xf numFmtId="193" fontId="7" fillId="3" borderId="24" xfId="0" applyNumberFormat="1" applyFont="1" applyFill="1" applyBorder="1" applyAlignment="1">
      <alignment vertical="center"/>
    </xf>
    <xf numFmtId="194" fontId="7" fillId="3" borderId="3" xfId="0" applyNumberFormat="1" applyFont="1" applyFill="1" applyBorder="1" applyAlignment="1">
      <alignment vertical="center"/>
    </xf>
    <xf numFmtId="193" fontId="7" fillId="3" borderId="16" xfId="0" applyNumberFormat="1" applyFont="1" applyFill="1" applyBorder="1" applyAlignment="1">
      <alignment vertical="center"/>
    </xf>
    <xf numFmtId="176" fontId="21" fillId="0" borderId="0" xfId="0" applyNumberFormat="1" applyFont="1"/>
    <xf numFmtId="193" fontId="7" fillId="3" borderId="9" xfId="0" applyNumberFormat="1" applyFont="1" applyFill="1" applyBorder="1" applyAlignment="1">
      <alignment horizontal="right" vertical="center"/>
    </xf>
    <xf numFmtId="194" fontId="7" fillId="3" borderId="10" xfId="0" applyNumberFormat="1" applyFont="1" applyFill="1" applyBorder="1" applyAlignment="1">
      <alignment horizontal="right" vertical="center"/>
    </xf>
    <xf numFmtId="193" fontId="7" fillId="3" borderId="23" xfId="0" applyNumberFormat="1" applyFont="1" applyFill="1" applyBorder="1" applyAlignment="1">
      <alignment horizontal="right" vertical="center"/>
    </xf>
    <xf numFmtId="176" fontId="21" fillId="0" borderId="0" xfId="0" applyNumberFormat="1" applyFont="1" applyAlignment="1">
      <alignment horizontal="right"/>
    </xf>
    <xf numFmtId="193" fontId="7" fillId="3" borderId="24" xfId="0" applyNumberFormat="1" applyFont="1" applyFill="1" applyBorder="1" applyAlignment="1">
      <alignment horizontal="right" vertical="center"/>
    </xf>
    <xf numFmtId="194" fontId="7" fillId="3" borderId="3" xfId="0" applyNumberFormat="1" applyFont="1" applyFill="1" applyBorder="1" applyAlignment="1">
      <alignment horizontal="right" vertical="center"/>
    </xf>
    <xf numFmtId="193" fontId="7" fillId="3" borderId="16" xfId="0" applyNumberFormat="1" applyFont="1" applyFill="1" applyBorder="1" applyAlignment="1">
      <alignment horizontal="right" vertical="center"/>
    </xf>
    <xf numFmtId="0" fontId="5" fillId="0" borderId="1" xfId="0" applyFont="1" applyBorder="1" applyAlignment="1">
      <alignment horizontal="center"/>
    </xf>
    <xf numFmtId="0" fontId="5" fillId="0" borderId="2" xfId="0" applyFont="1" applyBorder="1" applyAlignment="1">
      <alignment horizontal="center"/>
    </xf>
    <xf numFmtId="195" fontId="7" fillId="3" borderId="10" xfId="0" applyNumberFormat="1" applyFont="1" applyFill="1" applyBorder="1" applyAlignment="1">
      <alignment vertical="center"/>
    </xf>
    <xf numFmtId="196" fontId="7" fillId="3" borderId="10" xfId="0" applyNumberFormat="1" applyFont="1" applyFill="1" applyBorder="1" applyAlignment="1">
      <alignment vertical="center"/>
    </xf>
    <xf numFmtId="196" fontId="7" fillId="3" borderId="23" xfId="0" applyNumberFormat="1" applyFont="1" applyFill="1" applyBorder="1" applyAlignment="1">
      <alignment vertical="center"/>
    </xf>
    <xf numFmtId="195" fontId="7" fillId="0" borderId="0" xfId="0" applyNumberFormat="1" applyFont="1" applyAlignment="1">
      <alignment vertical="center"/>
    </xf>
    <xf numFmtId="196" fontId="7" fillId="0" borderId="0" xfId="0" applyNumberFormat="1" applyFont="1" applyAlignment="1">
      <alignment vertical="center"/>
    </xf>
    <xf numFmtId="196" fontId="7" fillId="0" borderId="7" xfId="0" applyNumberFormat="1" applyFont="1" applyBorder="1" applyAlignment="1">
      <alignment vertical="center"/>
    </xf>
    <xf numFmtId="195" fontId="7" fillId="3" borderId="0" xfId="0" applyNumberFormat="1" applyFont="1" applyFill="1" applyAlignment="1">
      <alignment vertical="center"/>
    </xf>
    <xf numFmtId="196" fontId="7" fillId="3" borderId="0" xfId="0" applyNumberFormat="1" applyFont="1" applyFill="1" applyAlignment="1">
      <alignment vertical="center"/>
    </xf>
    <xf numFmtId="196" fontId="7" fillId="3" borderId="7" xfId="0" applyNumberFormat="1" applyFont="1" applyFill="1" applyBorder="1" applyAlignment="1">
      <alignment vertical="center"/>
    </xf>
    <xf numFmtId="195" fontId="7" fillId="3" borderId="0" xfId="0" applyNumberFormat="1" applyFont="1" applyFill="1" applyAlignment="1">
      <alignment horizontal="right" vertical="center"/>
    </xf>
    <xf numFmtId="196" fontId="7" fillId="3" borderId="0" xfId="0" applyNumberFormat="1" applyFont="1" applyFill="1" applyAlignment="1">
      <alignment horizontal="right" vertical="center"/>
    </xf>
    <xf numFmtId="196" fontId="7" fillId="3" borderId="7" xfId="0" applyNumberFormat="1" applyFont="1" applyFill="1" applyBorder="1" applyAlignment="1">
      <alignment horizontal="right" vertical="center"/>
    </xf>
    <xf numFmtId="195" fontId="7" fillId="0" borderId="0" xfId="0" applyNumberFormat="1" applyFont="1" applyAlignment="1">
      <alignment horizontal="right" vertical="center"/>
    </xf>
    <xf numFmtId="196" fontId="7" fillId="0" borderId="0" xfId="0" applyNumberFormat="1" applyFont="1" applyAlignment="1">
      <alignment horizontal="right" vertical="center"/>
    </xf>
    <xf numFmtId="196" fontId="7" fillId="0" borderId="7" xfId="0" applyNumberFormat="1" applyFont="1" applyBorder="1" applyAlignment="1">
      <alignment horizontal="right" vertical="center"/>
    </xf>
    <xf numFmtId="196" fontId="7" fillId="0" borderId="0" xfId="0" applyNumberFormat="1" applyFont="1" applyAlignment="1">
      <alignment vertical="center" shrinkToFit="1"/>
    </xf>
    <xf numFmtId="195" fontId="7" fillId="3" borderId="3" xfId="0" applyNumberFormat="1" applyFont="1" applyFill="1" applyBorder="1" applyAlignment="1">
      <alignment vertical="center"/>
    </xf>
    <xf numFmtId="196" fontId="7" fillId="3" borderId="3" xfId="0" applyNumberFormat="1" applyFont="1" applyFill="1" applyBorder="1" applyAlignment="1">
      <alignment vertical="center"/>
    </xf>
    <xf numFmtId="196" fontId="7" fillId="3" borderId="16" xfId="0" applyNumberFormat="1" applyFont="1" applyFill="1" applyBorder="1" applyAlignment="1">
      <alignment vertical="center"/>
    </xf>
    <xf numFmtId="3" fontId="8" fillId="0" borderId="0" xfId="0" applyNumberFormat="1" applyFont="1" applyAlignment="1">
      <alignment horizontal="center" vertical="center"/>
    </xf>
    <xf numFmtId="179" fontId="8" fillId="0" borderId="0" xfId="0" applyNumberFormat="1" applyFont="1" applyAlignment="1">
      <alignment horizontal="center" vertical="center"/>
    </xf>
    <xf numFmtId="4" fontId="11" fillId="0" borderId="0" xfId="0" applyNumberFormat="1" applyFont="1"/>
    <xf numFmtId="3" fontId="8" fillId="0" borderId="0" xfId="0" applyNumberFormat="1" applyFont="1" applyAlignment="1">
      <alignment horizontal="right" vertical="center"/>
    </xf>
    <xf numFmtId="179" fontId="8" fillId="0" borderId="0" xfId="0" applyNumberFormat="1" applyFont="1" applyAlignment="1">
      <alignment horizontal="right" vertical="center"/>
    </xf>
    <xf numFmtId="195" fontId="7" fillId="3" borderId="10" xfId="0" applyNumberFormat="1" applyFont="1" applyFill="1" applyBorder="1" applyAlignment="1">
      <alignment horizontal="right" vertical="center"/>
    </xf>
    <xf numFmtId="196" fontId="7" fillId="3" borderId="10" xfId="0" applyNumberFormat="1" applyFont="1" applyFill="1" applyBorder="1" applyAlignment="1">
      <alignment horizontal="right" vertical="center"/>
    </xf>
    <xf numFmtId="196" fontId="7" fillId="3" borderId="23" xfId="0" applyNumberFormat="1" applyFont="1" applyFill="1" applyBorder="1" applyAlignment="1">
      <alignment horizontal="right" vertical="center"/>
    </xf>
    <xf numFmtId="195" fontId="7" fillId="3" borderId="3" xfId="0" applyNumberFormat="1" applyFont="1" applyFill="1" applyBorder="1" applyAlignment="1">
      <alignment horizontal="right" vertical="center"/>
    </xf>
    <xf numFmtId="196" fontId="7" fillId="3" borderId="3" xfId="0" applyNumberFormat="1" applyFont="1" applyFill="1" applyBorder="1" applyAlignment="1">
      <alignment horizontal="right" vertical="center"/>
    </xf>
    <xf numFmtId="196" fontId="7" fillId="3" borderId="16" xfId="0" applyNumberFormat="1" applyFont="1" applyFill="1" applyBorder="1" applyAlignment="1">
      <alignment horizontal="right" vertical="center"/>
    </xf>
    <xf numFmtId="0" fontId="8" fillId="0" borderId="0" xfId="0" applyFont="1" applyAlignment="1">
      <alignment horizontal="center" vertical="center"/>
    </xf>
    <xf numFmtId="0" fontId="8" fillId="0" borderId="0" xfId="0" applyFont="1" applyAlignment="1">
      <alignment horizontal="distributed" vertical="distributed"/>
    </xf>
    <xf numFmtId="0" fontId="5" fillId="0" borderId="6" xfId="0" applyFont="1" applyBorder="1" applyAlignment="1">
      <alignment horizontal="center" vertical="center"/>
    </xf>
    <xf numFmtId="0" fontId="5" fillId="0" borderId="27" xfId="0" applyFont="1" applyBorder="1" applyAlignment="1">
      <alignment horizontal="center" vertical="center"/>
    </xf>
    <xf numFmtId="0" fontId="5" fillId="0" borderId="4" xfId="0" applyFont="1" applyBorder="1" applyAlignment="1">
      <alignment horizontal="center" vertical="center"/>
    </xf>
    <xf numFmtId="0" fontId="5" fillId="0" borderId="13" xfId="0" applyFont="1" applyBorder="1" applyAlignment="1">
      <alignment horizontal="center" vertical="center"/>
    </xf>
    <xf numFmtId="0" fontId="5" fillId="0" borderId="28" xfId="0" applyFont="1" applyBorder="1" applyAlignment="1">
      <alignment horizontal="center" vertical="center"/>
    </xf>
    <xf numFmtId="0" fontId="5" fillId="0" borderId="12" xfId="0" applyFont="1" applyBorder="1" applyAlignment="1">
      <alignment horizontal="center" vertical="center"/>
    </xf>
    <xf numFmtId="0" fontId="18" fillId="0" borderId="7" xfId="0" applyFont="1" applyBorder="1" applyAlignment="1">
      <alignment horizontal="left" wrapText="1"/>
    </xf>
    <xf numFmtId="0" fontId="18" fillId="0" borderId="30" xfId="0" applyFont="1" applyBorder="1" applyAlignment="1">
      <alignment horizontal="left" wrapText="1"/>
    </xf>
    <xf numFmtId="0" fontId="18" fillId="0" borderId="0" xfId="0" applyFont="1" applyAlignment="1">
      <alignment horizontal="left" wrapText="1"/>
    </xf>
    <xf numFmtId="0" fontId="5" fillId="0" borderId="13" xfId="0" applyFont="1" applyBorder="1" applyAlignment="1">
      <alignment horizontal="right"/>
    </xf>
    <xf numFmtId="0" fontId="18" fillId="0" borderId="11" xfId="0" applyFont="1" applyBorder="1" applyAlignment="1">
      <alignment horizontal="right"/>
    </xf>
    <xf numFmtId="0" fontId="18" fillId="0" borderId="28" xfId="0" applyFont="1" applyBorder="1" applyAlignment="1">
      <alignment horizontal="right" vertical="center"/>
    </xf>
    <xf numFmtId="0" fontId="18" fillId="0" borderId="13" xfId="0" applyFont="1" applyBorder="1" applyAlignment="1">
      <alignment horizontal="right"/>
    </xf>
    <xf numFmtId="0" fontId="11" fillId="0" borderId="0" xfId="0" applyFont="1" applyAlignment="1">
      <alignment horizontal="center" vertical="center"/>
    </xf>
    <xf numFmtId="0" fontId="7" fillId="0" borderId="0" xfId="0" applyFont="1" applyAlignment="1">
      <alignment horizontal="center" vertical="center"/>
    </xf>
    <xf numFmtId="0" fontId="7" fillId="0" borderId="30" xfId="0" applyFont="1" applyBorder="1" applyAlignment="1">
      <alignment horizontal="center" vertical="center"/>
    </xf>
    <xf numFmtId="0" fontId="7" fillId="0" borderId="7" xfId="0" applyFont="1" applyBorder="1" applyAlignment="1">
      <alignment horizontal="center" vertical="center"/>
    </xf>
    <xf numFmtId="0" fontId="7" fillId="0" borderId="8" xfId="0" applyFont="1" applyBorder="1"/>
    <xf numFmtId="0" fontId="5" fillId="3" borderId="0" xfId="0" applyFont="1" applyFill="1" applyAlignment="1">
      <alignment horizontal="distributed" vertical="distributed"/>
    </xf>
    <xf numFmtId="0" fontId="18" fillId="3" borderId="0" xfId="0" applyFont="1" applyFill="1" applyAlignment="1">
      <alignment horizontal="center" vertical="center"/>
    </xf>
    <xf numFmtId="180" fontId="11" fillId="3" borderId="8" xfId="0" applyNumberFormat="1" applyFont="1" applyFill="1" applyBorder="1" applyAlignment="1">
      <alignment vertical="center"/>
    </xf>
    <xf numFmtId="179" fontId="11" fillId="3" borderId="0" xfId="0" applyNumberFormat="1" applyFont="1" applyFill="1" applyAlignment="1">
      <alignment horizontal="right" vertical="center"/>
    </xf>
    <xf numFmtId="180" fontId="11" fillId="3" borderId="0" xfId="0" applyNumberFormat="1" applyFont="1" applyFill="1" applyAlignment="1">
      <alignment vertical="center"/>
    </xf>
    <xf numFmtId="179" fontId="11" fillId="3" borderId="30" xfId="0" applyNumberFormat="1" applyFont="1" applyFill="1" applyBorder="1" applyAlignment="1">
      <alignment horizontal="right" vertical="center"/>
    </xf>
    <xf numFmtId="179" fontId="11" fillId="3" borderId="7" xfId="0" applyNumberFormat="1" applyFont="1" applyFill="1" applyBorder="1" applyAlignment="1">
      <alignment horizontal="right" vertical="center"/>
    </xf>
    <xf numFmtId="0" fontId="5" fillId="0" borderId="0" xfId="0" applyFont="1" applyAlignment="1">
      <alignment horizontal="distributed" vertical="distributed"/>
    </xf>
    <xf numFmtId="0" fontId="18" fillId="0" borderId="0" xfId="0" applyFont="1" applyAlignment="1">
      <alignment horizontal="center" vertical="center"/>
    </xf>
    <xf numFmtId="180" fontId="11" fillId="0" borderId="8" xfId="0" applyNumberFormat="1" applyFont="1" applyBorder="1" applyAlignment="1">
      <alignment vertical="center"/>
    </xf>
    <xf numFmtId="179" fontId="11" fillId="0" borderId="0" xfId="0" applyNumberFormat="1" applyFont="1" applyAlignment="1">
      <alignment horizontal="right" vertical="center"/>
    </xf>
    <xf numFmtId="180" fontId="11" fillId="0" borderId="0" xfId="0" applyNumberFormat="1" applyFont="1" applyAlignment="1">
      <alignment vertical="center"/>
    </xf>
    <xf numFmtId="179" fontId="11" fillId="0" borderId="30" xfId="0" applyNumberFormat="1" applyFont="1" applyBorder="1" applyAlignment="1">
      <alignment horizontal="right" vertical="center"/>
    </xf>
    <xf numFmtId="179" fontId="11" fillId="0" borderId="7" xfId="0" applyNumberFormat="1" applyFont="1" applyBorder="1" applyAlignment="1">
      <alignment horizontal="right" vertical="center"/>
    </xf>
    <xf numFmtId="0" fontId="18" fillId="0" borderId="0" xfId="0" applyFont="1" applyAlignment="1">
      <alignment horizontal="center"/>
    </xf>
    <xf numFmtId="0" fontId="11" fillId="0" borderId="8" xfId="0" applyFont="1" applyBorder="1" applyAlignment="1">
      <alignment vertical="center"/>
    </xf>
    <xf numFmtId="0" fontId="11" fillId="0" borderId="0" xfId="0" applyFont="1" applyAlignment="1">
      <alignment vertical="center"/>
    </xf>
    <xf numFmtId="179" fontId="11" fillId="0" borderId="8" xfId="0" applyNumberFormat="1" applyFont="1" applyBorder="1" applyAlignment="1">
      <alignment vertical="center"/>
    </xf>
    <xf numFmtId="179" fontId="11" fillId="0" borderId="0" xfId="0" applyNumberFormat="1" applyFont="1" applyAlignment="1">
      <alignment vertical="center"/>
    </xf>
    <xf numFmtId="179" fontId="11" fillId="3" borderId="8" xfId="0" applyNumberFormat="1" applyFont="1" applyFill="1" applyBorder="1" applyAlignment="1">
      <alignment vertical="center"/>
    </xf>
    <xf numFmtId="179" fontId="11" fillId="3" borderId="0" xfId="0" applyNumberFormat="1" applyFont="1" applyFill="1" applyAlignment="1">
      <alignment vertical="center"/>
    </xf>
    <xf numFmtId="180" fontId="11" fillId="0" borderId="8" xfId="0" applyNumberFormat="1" applyFont="1" applyBorder="1" applyAlignment="1">
      <alignment horizontal="right" vertical="center" shrinkToFit="1"/>
    </xf>
    <xf numFmtId="179" fontId="11" fillId="0" borderId="0" xfId="0" applyNumberFormat="1" applyFont="1" applyAlignment="1">
      <alignment horizontal="right" vertical="center" shrinkToFit="1"/>
    </xf>
    <xf numFmtId="180" fontId="11" fillId="0" borderId="0" xfId="0" applyNumberFormat="1" applyFont="1" applyAlignment="1">
      <alignment horizontal="right" vertical="center" shrinkToFit="1"/>
    </xf>
    <xf numFmtId="179" fontId="11" fillId="0" borderId="30" xfId="0" applyNumberFormat="1" applyFont="1" applyBorder="1" applyAlignment="1">
      <alignment horizontal="right" vertical="center" shrinkToFit="1"/>
    </xf>
    <xf numFmtId="179" fontId="11" fillId="0" borderId="7" xfId="0" applyNumberFormat="1" applyFont="1" applyBorder="1" applyAlignment="1">
      <alignment horizontal="right" vertical="center" shrinkToFit="1"/>
    </xf>
    <xf numFmtId="180" fontId="11" fillId="0" borderId="8" xfId="0" applyNumberFormat="1" applyFont="1" applyBorder="1" applyAlignment="1">
      <alignment vertical="center" shrinkToFit="1"/>
    </xf>
    <xf numFmtId="180" fontId="11" fillId="0" borderId="0" xfId="0" applyNumberFormat="1" applyFont="1" applyAlignment="1">
      <alignment vertical="center" shrinkToFit="1"/>
    </xf>
    <xf numFmtId="2" fontId="11" fillId="3" borderId="8" xfId="3" applyNumberFormat="1" applyFont="1" applyFill="1" applyBorder="1" applyAlignment="1">
      <alignment horizontal="right" vertical="center"/>
    </xf>
    <xf numFmtId="2" fontId="11" fillId="3" borderId="0" xfId="3" applyNumberFormat="1" applyFont="1" applyFill="1" applyAlignment="1">
      <alignment horizontal="right" vertical="center"/>
    </xf>
    <xf numFmtId="2" fontId="11" fillId="3" borderId="30" xfId="3" applyNumberFormat="1" applyFont="1" applyFill="1" applyBorder="1" applyAlignment="1">
      <alignment horizontal="right" vertical="center"/>
    </xf>
    <xf numFmtId="2" fontId="11" fillId="3" borderId="7" xfId="3" applyNumberFormat="1" applyFont="1" applyFill="1" applyBorder="1" applyAlignment="1">
      <alignment horizontal="right" vertical="center"/>
    </xf>
    <xf numFmtId="2" fontId="11" fillId="3" borderId="8" xfId="3" applyNumberFormat="1" applyFont="1" applyFill="1" applyBorder="1" applyAlignment="1">
      <alignment vertical="center"/>
    </xf>
    <xf numFmtId="2" fontId="11" fillId="3" borderId="0" xfId="3" applyNumberFormat="1" applyFont="1" applyFill="1" applyAlignment="1">
      <alignment vertical="center"/>
    </xf>
    <xf numFmtId="2" fontId="11" fillId="3" borderId="7" xfId="3" applyNumberFormat="1" applyFont="1" applyFill="1" applyBorder="1" applyAlignment="1">
      <alignment vertical="center"/>
    </xf>
    <xf numFmtId="2" fontId="11" fillId="0" borderId="8" xfId="3" applyNumberFormat="1" applyFont="1" applyBorder="1" applyAlignment="1">
      <alignment horizontal="right" vertical="center"/>
    </xf>
    <xf numFmtId="2" fontId="11" fillId="0" borderId="0" xfId="3" applyNumberFormat="1" applyFont="1" applyAlignment="1">
      <alignment horizontal="right" vertical="center"/>
    </xf>
    <xf numFmtId="2" fontId="11" fillId="0" borderId="30" xfId="3" applyNumberFormat="1" applyFont="1" applyBorder="1" applyAlignment="1">
      <alignment horizontal="right" vertical="center"/>
    </xf>
    <xf numFmtId="2" fontId="11" fillId="0" borderId="7" xfId="3" applyNumberFormat="1" applyFont="1" applyBorder="1" applyAlignment="1">
      <alignment horizontal="right" vertical="center"/>
    </xf>
    <xf numFmtId="2" fontId="11" fillId="0" borderId="8" xfId="3" applyNumberFormat="1" applyFont="1" applyBorder="1" applyAlignment="1">
      <alignment vertical="center"/>
    </xf>
    <xf numFmtId="2" fontId="11" fillId="0" borderId="0" xfId="3" applyNumberFormat="1" applyFont="1" applyAlignment="1">
      <alignment vertical="center"/>
    </xf>
    <xf numFmtId="2" fontId="11" fillId="0" borderId="7" xfId="3" applyNumberFormat="1" applyFont="1" applyBorder="1" applyAlignment="1">
      <alignment vertical="center"/>
    </xf>
    <xf numFmtId="0" fontId="5" fillId="0" borderId="3" xfId="0" applyFont="1" applyBorder="1" applyAlignment="1">
      <alignment horizontal="distributed" vertical="distributed"/>
    </xf>
    <xf numFmtId="0" fontId="5" fillId="0" borderId="3" xfId="0" applyFont="1" applyBorder="1" applyAlignment="1">
      <alignment horizontal="center"/>
    </xf>
    <xf numFmtId="0" fontId="8" fillId="0" borderId="31" xfId="0" applyFont="1" applyBorder="1"/>
    <xf numFmtId="49" fontId="0" fillId="0" borderId="0" xfId="0" applyNumberFormat="1" applyAlignment="1">
      <alignment vertical="center" textRotation="180"/>
    </xf>
    <xf numFmtId="0" fontId="7" fillId="0" borderId="0" xfId="0" applyFont="1" applyAlignment="1">
      <alignment horizontal="distributed" vertical="distributed"/>
    </xf>
    <xf numFmtId="2" fontId="11" fillId="3" borderId="8" xfId="0" applyNumberFormat="1" applyFont="1" applyFill="1" applyBorder="1" applyAlignment="1">
      <alignment vertical="center"/>
    </xf>
    <xf numFmtId="2" fontId="11" fillId="3" borderId="0" xfId="0" applyNumberFormat="1" applyFont="1" applyFill="1" applyAlignment="1">
      <alignment vertical="center"/>
    </xf>
    <xf numFmtId="2" fontId="11" fillId="3" borderId="30" xfId="3" applyNumberFormat="1" applyFont="1" applyFill="1" applyBorder="1" applyAlignment="1">
      <alignment vertical="center"/>
    </xf>
    <xf numFmtId="2" fontId="11" fillId="0" borderId="8" xfId="0" applyNumberFormat="1" applyFont="1" applyBorder="1" applyAlignment="1">
      <alignment vertical="center"/>
    </xf>
    <xf numFmtId="2" fontId="11" fillId="0" borderId="0" xfId="0" applyNumberFormat="1" applyFont="1" applyAlignment="1">
      <alignment vertical="center"/>
    </xf>
    <xf numFmtId="2" fontId="11" fillId="0" borderId="30" xfId="3" applyNumberFormat="1" applyFont="1" applyBorder="1" applyAlignment="1">
      <alignment vertical="center"/>
    </xf>
    <xf numFmtId="0" fontId="8" fillId="0" borderId="0" xfId="0" applyFont="1" applyAlignment="1">
      <alignment horizontal="left" vertical="center"/>
    </xf>
    <xf numFmtId="14" fontId="8" fillId="0" borderId="0" xfId="0" applyNumberFormat="1" applyFont="1" applyAlignment="1">
      <alignment horizontal="left" vertical="center"/>
    </xf>
    <xf numFmtId="0" fontId="7" fillId="0" borderId="3" xfId="0" applyFont="1" applyBorder="1" applyAlignment="1">
      <alignment horizontal="right"/>
    </xf>
    <xf numFmtId="0" fontId="21" fillId="0" borderId="0" xfId="0" applyFont="1"/>
    <xf numFmtId="49" fontId="8" fillId="0" borderId="4" xfId="0" applyNumberFormat="1" applyFont="1" applyBorder="1" applyAlignment="1">
      <alignment vertical="center" textRotation="180"/>
    </xf>
    <xf numFmtId="0" fontId="14" fillId="0" borderId="6" xfId="0" applyFont="1" applyBorder="1"/>
    <xf numFmtId="0" fontId="14" fillId="0" borderId="27" xfId="0" applyFont="1" applyBorder="1"/>
    <xf numFmtId="0" fontId="14" fillId="0" borderId="4" xfId="0" applyFont="1" applyBorder="1"/>
    <xf numFmtId="0" fontId="14" fillId="0" borderId="5" xfId="0" applyFont="1" applyBorder="1"/>
    <xf numFmtId="0" fontId="5" fillId="0" borderId="8" xfId="0" applyFont="1" applyBorder="1" applyAlignment="1">
      <alignment shrinkToFit="1"/>
    </xf>
    <xf numFmtId="0" fontId="5" fillId="0" borderId="30" xfId="0" applyFont="1" applyBorder="1" applyAlignment="1">
      <alignment shrinkToFit="1"/>
    </xf>
    <xf numFmtId="0" fontId="5" fillId="0" borderId="0" xfId="0" applyFont="1" applyAlignment="1">
      <alignment shrinkToFit="1"/>
    </xf>
    <xf numFmtId="0" fontId="5" fillId="0" borderId="7" xfId="0" applyFont="1" applyBorder="1" applyAlignment="1">
      <alignment shrinkToFit="1"/>
    </xf>
    <xf numFmtId="49" fontId="8" fillId="0" borderId="0" xfId="0" applyNumberFormat="1" applyFont="1" applyAlignment="1">
      <alignment horizontal="right" textRotation="180"/>
    </xf>
    <xf numFmtId="0" fontId="21" fillId="0" borderId="0" xfId="0" applyFont="1" applyAlignment="1">
      <alignment horizontal="right"/>
    </xf>
    <xf numFmtId="49" fontId="8" fillId="0" borderId="11" xfId="0" applyNumberFormat="1" applyFont="1" applyBorder="1" applyAlignment="1">
      <alignment vertical="center" textRotation="180"/>
    </xf>
    <xf numFmtId="0" fontId="14" fillId="0" borderId="13" xfId="0" applyFont="1" applyBorder="1"/>
    <xf numFmtId="0" fontId="18" fillId="0" borderId="28" xfId="0" applyFont="1" applyBorder="1" applyAlignment="1">
      <alignment horizontal="right"/>
    </xf>
    <xf numFmtId="0" fontId="14" fillId="0" borderId="11" xfId="0" applyFont="1" applyBorder="1"/>
    <xf numFmtId="0" fontId="18" fillId="0" borderId="12" xfId="0" applyFont="1" applyBorder="1" applyAlignment="1">
      <alignment horizontal="right"/>
    </xf>
    <xf numFmtId="0" fontId="7" fillId="0" borderId="9" xfId="0" applyFont="1" applyBorder="1"/>
    <xf numFmtId="0" fontId="7" fillId="0" borderId="23" xfId="0" applyFont="1" applyBorder="1"/>
    <xf numFmtId="0" fontId="7" fillId="0" borderId="0" xfId="0" applyFont="1" applyAlignment="1">
      <alignment shrinkToFit="1"/>
    </xf>
    <xf numFmtId="0" fontId="7" fillId="0" borderId="30" xfId="0" applyFont="1" applyBorder="1" applyAlignment="1">
      <alignment shrinkToFit="1"/>
    </xf>
    <xf numFmtId="0" fontId="5" fillId="0" borderId="8" xfId="0" applyFont="1" applyBorder="1" applyAlignment="1">
      <alignment horizontal="distributed" vertical="center"/>
    </xf>
    <xf numFmtId="0" fontId="5" fillId="0" borderId="7" xfId="0" applyFont="1" applyBorder="1" applyAlignment="1">
      <alignment horizontal="right" vertical="center"/>
    </xf>
    <xf numFmtId="177" fontId="7" fillId="3" borderId="0" xfId="0" applyNumberFormat="1" applyFont="1" applyFill="1" applyAlignment="1">
      <alignment horizontal="right" vertical="center" shrinkToFit="1"/>
    </xf>
    <xf numFmtId="177" fontId="7" fillId="3" borderId="30" xfId="0" applyNumberFormat="1" applyFont="1" applyFill="1" applyBorder="1" applyAlignment="1">
      <alignment horizontal="right" vertical="center" shrinkToFit="1"/>
    </xf>
    <xf numFmtId="177" fontId="7" fillId="0" borderId="0" xfId="0" applyNumberFormat="1" applyFont="1" applyAlignment="1">
      <alignment horizontal="right" vertical="center" shrinkToFit="1"/>
    </xf>
    <xf numFmtId="177" fontId="7" fillId="0" borderId="30" xfId="0" applyNumberFormat="1" applyFont="1" applyBorder="1" applyAlignment="1">
      <alignment horizontal="right" vertical="center" shrinkToFit="1"/>
    </xf>
    <xf numFmtId="0" fontId="5" fillId="0" borderId="13" xfId="0" applyFont="1" applyBorder="1" applyAlignment="1">
      <alignment horizontal="distributed" vertical="center"/>
    </xf>
    <xf numFmtId="0" fontId="5" fillId="0" borderId="12" xfId="0" applyFont="1" applyBorder="1" applyAlignment="1">
      <alignment vertical="center"/>
    </xf>
    <xf numFmtId="0" fontId="7" fillId="0" borderId="10" xfId="0" applyFont="1" applyBorder="1" applyAlignment="1">
      <alignment vertical="center"/>
    </xf>
    <xf numFmtId="0" fontId="5" fillId="0" borderId="9" xfId="0" applyFont="1" applyBorder="1"/>
    <xf numFmtId="0" fontId="5" fillId="0" borderId="23" xfId="0" applyFont="1" applyBorder="1"/>
    <xf numFmtId="177" fontId="7" fillId="0" borderId="10" xfId="0" applyNumberFormat="1" applyFont="1" applyBorder="1" applyAlignment="1">
      <alignment horizontal="right" vertical="center" shrinkToFit="1"/>
    </xf>
    <xf numFmtId="177" fontId="7" fillId="0" borderId="29" xfId="0" applyNumberFormat="1" applyFont="1" applyBorder="1" applyAlignment="1">
      <alignment horizontal="right" vertical="center" shrinkToFit="1"/>
    </xf>
    <xf numFmtId="177" fontId="7" fillId="3" borderId="0" xfId="0" applyNumberFormat="1" applyFont="1" applyFill="1" applyAlignment="1">
      <alignment horizontal="right" vertical="center"/>
    </xf>
    <xf numFmtId="177" fontId="7" fillId="0" borderId="0" xfId="0" applyNumberFormat="1" applyFont="1" applyAlignment="1">
      <alignment horizontal="right" vertical="center"/>
    </xf>
    <xf numFmtId="0" fontId="7" fillId="0" borderId="24" xfId="0" applyFont="1" applyBorder="1" applyAlignment="1">
      <alignment horizontal="distributed" vertical="center"/>
    </xf>
    <xf numFmtId="0" fontId="7" fillId="0" borderId="16" xfId="0" applyFont="1" applyBorder="1" applyAlignment="1">
      <alignment vertical="center"/>
    </xf>
    <xf numFmtId="0" fontId="7" fillId="0" borderId="31" xfId="0" applyFont="1" applyBorder="1" applyAlignment="1">
      <alignment horizontal="right"/>
    </xf>
    <xf numFmtId="0" fontId="7" fillId="0" borderId="0" xfId="0" applyFont="1" applyAlignment="1">
      <alignment vertical="center"/>
    </xf>
    <xf numFmtId="0" fontId="24" fillId="0" borderId="0" xfId="0" applyFont="1" applyAlignment="1">
      <alignment horizontal="left" vertical="center"/>
    </xf>
    <xf numFmtId="0" fontId="23" fillId="0" borderId="0" xfId="0" applyFont="1"/>
    <xf numFmtId="0" fontId="23" fillId="0" borderId="0" xfId="0" applyFont="1" applyAlignment="1">
      <alignment horizontal="left" vertical="center"/>
    </xf>
    <xf numFmtId="0" fontId="26" fillId="0" borderId="0" xfId="0" applyFont="1"/>
    <xf numFmtId="49" fontId="23" fillId="0" borderId="0" xfId="0" applyNumberFormat="1" applyFont="1" applyAlignment="1">
      <alignment vertical="center" textRotation="180"/>
    </xf>
    <xf numFmtId="0" fontId="25" fillId="0" borderId="0" xfId="0" applyFont="1" applyAlignment="1">
      <alignment horizontal="right"/>
    </xf>
    <xf numFmtId="0" fontId="25" fillId="0" borderId="0" xfId="0" applyFont="1" applyAlignment="1">
      <alignment horizontal="distributed" vertical="distributed"/>
    </xf>
    <xf numFmtId="0" fontId="25" fillId="0" borderId="0" xfId="0" applyFont="1"/>
    <xf numFmtId="0" fontId="25" fillId="0" borderId="3" xfId="0" applyFont="1" applyBorder="1" applyAlignment="1">
      <alignment horizontal="right"/>
    </xf>
    <xf numFmtId="0" fontId="27" fillId="0" borderId="0" xfId="0" applyFont="1"/>
    <xf numFmtId="49" fontId="23" fillId="0" borderId="4" xfId="0" applyNumberFormat="1" applyFont="1" applyBorder="1" applyAlignment="1">
      <alignment vertical="center" textRotation="180"/>
    </xf>
    <xf numFmtId="0" fontId="29" fillId="0" borderId="6" xfId="0" applyFont="1" applyBorder="1"/>
    <xf numFmtId="0" fontId="29" fillId="0" borderId="27" xfId="0" applyFont="1" applyBorder="1"/>
    <xf numFmtId="0" fontId="29" fillId="0" borderId="4" xfId="0" applyFont="1" applyBorder="1"/>
    <xf numFmtId="0" fontId="29" fillId="0" borderId="5" xfId="0" applyFont="1" applyBorder="1"/>
    <xf numFmtId="0" fontId="30" fillId="0" borderId="8" xfId="0" applyFont="1" applyBorder="1" applyAlignment="1">
      <alignment shrinkToFit="1"/>
    </xf>
    <xf numFmtId="0" fontId="30" fillId="0" borderId="30" xfId="0" applyFont="1" applyBorder="1" applyAlignment="1">
      <alignment shrinkToFit="1"/>
    </xf>
    <xf numFmtId="0" fontId="30" fillId="0" borderId="0" xfId="0" applyFont="1" applyAlignment="1">
      <alignment shrinkToFit="1"/>
    </xf>
    <xf numFmtId="0" fontId="30" fillId="0" borderId="7" xfId="0" applyFont="1" applyBorder="1" applyAlignment="1">
      <alignment shrinkToFit="1"/>
    </xf>
    <xf numFmtId="49" fontId="23" fillId="0" borderId="0" xfId="0" applyNumberFormat="1" applyFont="1" applyAlignment="1">
      <alignment horizontal="right" textRotation="180"/>
    </xf>
    <xf numFmtId="0" fontId="27" fillId="0" borderId="0" xfId="0" applyFont="1" applyAlignment="1">
      <alignment horizontal="right"/>
    </xf>
    <xf numFmtId="49" fontId="23" fillId="0" borderId="11" xfId="0" applyNumberFormat="1" applyFont="1" applyBorder="1" applyAlignment="1">
      <alignment vertical="center" textRotation="180"/>
    </xf>
    <xf numFmtId="0" fontId="29" fillId="0" borderId="13" xfId="0" applyFont="1" applyBorder="1"/>
    <xf numFmtId="0" fontId="33" fillId="0" borderId="28" xfId="0" applyFont="1" applyBorder="1" applyAlignment="1">
      <alignment horizontal="right"/>
    </xf>
    <xf numFmtId="0" fontId="29" fillId="0" borderId="11" xfId="0" applyFont="1" applyBorder="1"/>
    <xf numFmtId="0" fontId="33" fillId="0" borderId="12" xfId="0" applyFont="1" applyBorder="1" applyAlignment="1">
      <alignment horizontal="right"/>
    </xf>
    <xf numFmtId="0" fontId="33" fillId="0" borderId="11" xfId="0" applyFont="1" applyBorder="1" applyAlignment="1">
      <alignment horizontal="right"/>
    </xf>
    <xf numFmtId="0" fontId="25" fillId="0" borderId="9" xfId="0" applyFont="1" applyBorder="1"/>
    <xf numFmtId="0" fontId="25" fillId="0" borderId="23" xfId="0" applyFont="1" applyBorder="1"/>
    <xf numFmtId="0" fontId="25" fillId="0" borderId="0" xfId="0" applyFont="1" applyAlignment="1">
      <alignment shrinkToFit="1"/>
    </xf>
    <xf numFmtId="0" fontId="25" fillId="0" borderId="30" xfId="0" applyFont="1" applyBorder="1" applyAlignment="1">
      <alignment shrinkToFit="1"/>
    </xf>
    <xf numFmtId="0" fontId="30" fillId="0" borderId="8" xfId="0" applyFont="1" applyBorder="1" applyAlignment="1">
      <alignment horizontal="distributed" vertical="center"/>
    </xf>
    <xf numFmtId="0" fontId="30" fillId="0" borderId="7" xfId="0" applyFont="1" applyBorder="1" applyAlignment="1">
      <alignment horizontal="right" vertical="center"/>
    </xf>
    <xf numFmtId="177" fontId="25" fillId="3" borderId="0" xfId="0" applyNumberFormat="1" applyFont="1" applyFill="1" applyAlignment="1">
      <alignment horizontal="right" vertical="center" shrinkToFit="1"/>
    </xf>
    <xf numFmtId="177" fontId="25" fillId="3" borderId="30" xfId="0" applyNumberFormat="1" applyFont="1" applyFill="1" applyBorder="1" applyAlignment="1">
      <alignment horizontal="right" vertical="center" shrinkToFit="1"/>
    </xf>
    <xf numFmtId="177" fontId="25" fillId="0" borderId="0" xfId="0" applyNumberFormat="1" applyFont="1" applyAlignment="1">
      <alignment horizontal="right" vertical="center" shrinkToFit="1"/>
    </xf>
    <xf numFmtId="177" fontId="25" fillId="0" borderId="30" xfId="0" applyNumberFormat="1" applyFont="1" applyBorder="1" applyAlignment="1">
      <alignment horizontal="right" vertical="center" shrinkToFit="1"/>
    </xf>
    <xf numFmtId="0" fontId="35" fillId="0" borderId="0" xfId="0" applyFont="1"/>
    <xf numFmtId="0" fontId="36" fillId="0" borderId="0" xfId="0" applyFont="1"/>
    <xf numFmtId="0" fontId="30" fillId="0" borderId="13" xfId="0" applyFont="1" applyBorder="1" applyAlignment="1">
      <alignment horizontal="distributed" vertical="center"/>
    </xf>
    <xf numFmtId="0" fontId="30" fillId="0" borderId="12" xfId="0" applyFont="1" applyBorder="1" applyAlignment="1">
      <alignment vertical="center"/>
    </xf>
    <xf numFmtId="177" fontId="25" fillId="0" borderId="0" xfId="0" applyNumberFormat="1" applyFont="1" applyAlignment="1">
      <alignment horizontal="center" vertical="center" shrinkToFit="1"/>
    </xf>
    <xf numFmtId="0" fontId="25" fillId="0" borderId="10" xfId="0" applyFont="1" applyBorder="1" applyAlignment="1">
      <alignment vertical="center"/>
    </xf>
    <xf numFmtId="0" fontId="30" fillId="0" borderId="9" xfId="0" applyFont="1" applyBorder="1"/>
    <xf numFmtId="0" fontId="30" fillId="0" borderId="23" xfId="0" applyFont="1" applyBorder="1"/>
    <xf numFmtId="177" fontId="25" fillId="0" borderId="10" xfId="0" applyNumberFormat="1" applyFont="1" applyBorder="1" applyAlignment="1">
      <alignment horizontal="right" vertical="center" shrinkToFit="1"/>
    </xf>
    <xf numFmtId="177" fontId="25" fillId="0" borderId="29" xfId="0" applyNumberFormat="1" applyFont="1" applyBorder="1" applyAlignment="1">
      <alignment horizontal="right" vertical="center" shrinkToFit="1"/>
    </xf>
    <xf numFmtId="0" fontId="25" fillId="0" borderId="0" xfId="0" applyFont="1" applyAlignment="1">
      <alignment vertical="center"/>
    </xf>
    <xf numFmtId="177" fontId="25" fillId="4" borderId="30" xfId="0" applyNumberFormat="1" applyFont="1" applyFill="1" applyBorder="1" applyAlignment="1">
      <alignment horizontal="right" vertical="center" shrinkToFit="1"/>
    </xf>
    <xf numFmtId="177" fontId="25" fillId="5" borderId="0" xfId="0" applyNumberFormat="1" applyFont="1" applyFill="1" applyAlignment="1">
      <alignment horizontal="right" vertical="center" shrinkToFit="1"/>
    </xf>
    <xf numFmtId="177" fontId="25" fillId="4" borderId="0" xfId="0" applyNumberFormat="1" applyFont="1" applyFill="1" applyAlignment="1">
      <alignment horizontal="right" vertical="center" shrinkToFit="1"/>
    </xf>
    <xf numFmtId="177" fontId="25" fillId="0" borderId="0" xfId="0" applyNumberFormat="1" applyFont="1" applyAlignment="1">
      <alignment horizontal="right" vertical="center"/>
    </xf>
    <xf numFmtId="177" fontId="25" fillId="3" borderId="0" xfId="0" applyNumberFormat="1" applyFont="1" applyFill="1" applyAlignment="1">
      <alignment horizontal="right" vertical="center"/>
    </xf>
    <xf numFmtId="0" fontId="34" fillId="0" borderId="0" xfId="0" applyFont="1" applyAlignment="1">
      <alignment horizontal="center" vertical="center"/>
    </xf>
    <xf numFmtId="0" fontId="37" fillId="0" borderId="0" xfId="0" applyFont="1"/>
    <xf numFmtId="0" fontId="25" fillId="0" borderId="3" xfId="0" applyFont="1" applyBorder="1" applyAlignment="1">
      <alignment vertical="center"/>
    </xf>
    <xf numFmtId="0" fontId="25" fillId="0" borderId="24" xfId="0" applyFont="1" applyBorder="1" applyAlignment="1">
      <alignment horizontal="distributed" vertical="center"/>
    </xf>
    <xf numFmtId="0" fontId="25" fillId="0" borderId="16" xfId="0" applyFont="1" applyBorder="1" applyAlignment="1">
      <alignment vertical="center"/>
    </xf>
    <xf numFmtId="0" fontId="25" fillId="0" borderId="31" xfId="0" applyFont="1" applyBorder="1" applyAlignment="1">
      <alignment horizontal="right"/>
    </xf>
    <xf numFmtId="0" fontId="23" fillId="0" borderId="0" xfId="0" applyFont="1" applyAlignment="1">
      <alignment vertical="center"/>
    </xf>
    <xf numFmtId="49" fontId="8" fillId="0" borderId="0" xfId="0" applyNumberFormat="1" applyFont="1" applyAlignment="1">
      <alignment vertical="center"/>
    </xf>
    <xf numFmtId="49" fontId="8" fillId="0" borderId="4" xfId="0" applyNumberFormat="1" applyFont="1" applyBorder="1" applyAlignment="1">
      <alignment vertical="center"/>
    </xf>
    <xf numFmtId="49" fontId="8" fillId="0" borderId="0" xfId="0" applyNumberFormat="1" applyFont="1" applyAlignment="1">
      <alignment horizontal="right"/>
    </xf>
    <xf numFmtId="49" fontId="8" fillId="0" borderId="11" xfId="0" applyNumberFormat="1" applyFont="1" applyBorder="1" applyAlignment="1">
      <alignment vertical="center"/>
    </xf>
    <xf numFmtId="0" fontId="7" fillId="0" borderId="7" xfId="0" applyFont="1" applyBorder="1"/>
    <xf numFmtId="0" fontId="7" fillId="0" borderId="30" xfId="0" applyFont="1" applyBorder="1" applyAlignment="1">
      <alignment vertical="center"/>
    </xf>
    <xf numFmtId="0" fontId="7" fillId="0" borderId="3" xfId="0" applyFont="1" applyBorder="1" applyAlignment="1">
      <alignment vertical="center"/>
    </xf>
    <xf numFmtId="0" fontId="7" fillId="0" borderId="3" xfId="0" applyFont="1" applyBorder="1" applyAlignment="1">
      <alignment horizontal="right" vertical="center"/>
    </xf>
    <xf numFmtId="0" fontId="7" fillId="0" borderId="31" xfId="0" applyFont="1" applyBorder="1" applyAlignment="1">
      <alignment horizontal="right" vertical="center"/>
    </xf>
    <xf numFmtId="0" fontId="23" fillId="0" borderId="0" xfId="0" applyFont="1" applyAlignment="1">
      <alignment horizontal="center" vertical="center"/>
    </xf>
    <xf numFmtId="0" fontId="25" fillId="0" borderId="0" xfId="0" applyFont="1" applyAlignment="1">
      <alignment horizontal="center" vertical="distributed"/>
    </xf>
    <xf numFmtId="0" fontId="25" fillId="0" borderId="0" xfId="0" applyFont="1" applyAlignment="1">
      <alignment horizontal="center"/>
    </xf>
    <xf numFmtId="0" fontId="23" fillId="0" borderId="0" xfId="0" applyFont="1" applyAlignment="1">
      <alignment horizontal="distributed" vertical="distributed"/>
    </xf>
    <xf numFmtId="0" fontId="38" fillId="0" borderId="0" xfId="0" applyFont="1" applyAlignment="1">
      <alignment horizontal="right" wrapText="1"/>
    </xf>
    <xf numFmtId="0" fontId="39" fillId="0" borderId="0" xfId="0" applyFont="1" applyAlignment="1">
      <alignment horizontal="center"/>
    </xf>
    <xf numFmtId="0" fontId="25" fillId="0" borderId="7" xfId="0" applyFont="1" applyBorder="1"/>
    <xf numFmtId="0" fontId="25" fillId="0" borderId="0" xfId="0" applyFont="1" applyAlignment="1">
      <alignment horizontal="center" vertical="center"/>
    </xf>
    <xf numFmtId="0" fontId="25" fillId="0" borderId="30" xfId="0" applyFont="1" applyBorder="1" applyAlignment="1">
      <alignment horizontal="center" vertical="center"/>
    </xf>
    <xf numFmtId="177" fontId="35" fillId="0" borderId="0" xfId="0" applyNumberFormat="1" applyFont="1" applyAlignment="1">
      <alignment horizontal="center" vertical="center"/>
    </xf>
    <xf numFmtId="177" fontId="25" fillId="6" borderId="0" xfId="0" applyNumberFormat="1" applyFont="1" applyFill="1" applyAlignment="1">
      <alignment horizontal="right" vertical="center" shrinkToFit="1"/>
    </xf>
    <xf numFmtId="177" fontId="25" fillId="6" borderId="30" xfId="0" applyNumberFormat="1" applyFont="1" applyFill="1" applyBorder="1" applyAlignment="1">
      <alignment horizontal="right" vertical="center" shrinkToFit="1"/>
    </xf>
    <xf numFmtId="177" fontId="25" fillId="0" borderId="0" xfId="0" applyNumberFormat="1" applyFont="1" applyAlignment="1">
      <alignment vertical="center" shrinkToFit="1"/>
    </xf>
    <xf numFmtId="177" fontId="25" fillId="0" borderId="30" xfId="0" applyNumberFormat="1" applyFont="1" applyBorder="1" applyAlignment="1">
      <alignment vertical="center" shrinkToFit="1"/>
    </xf>
    <xf numFmtId="177" fontId="25" fillId="3" borderId="0" xfId="0" applyNumberFormat="1" applyFont="1" applyFill="1" applyAlignment="1">
      <alignment vertical="center" shrinkToFit="1"/>
    </xf>
    <xf numFmtId="177" fontId="25" fillId="3" borderId="30" xfId="0" applyNumberFormat="1" applyFont="1" applyFill="1" applyBorder="1" applyAlignment="1">
      <alignment vertical="center" shrinkToFit="1"/>
    </xf>
    <xf numFmtId="0" fontId="23" fillId="0" borderId="0" xfId="0" applyFont="1" applyAlignment="1">
      <alignment horizontal="center"/>
    </xf>
    <xf numFmtId="0" fontId="8" fillId="0" borderId="0" xfId="0" applyFont="1" applyAlignment="1">
      <alignment horizontal="left"/>
    </xf>
    <xf numFmtId="0" fontId="14" fillId="0" borderId="32" xfId="0" applyFont="1" applyBorder="1"/>
    <xf numFmtId="0" fontId="7" fillId="0" borderId="0" xfId="0" applyFont="1" applyAlignment="1">
      <alignment horizontal="center" vertical="center" shrinkToFit="1"/>
    </xf>
    <xf numFmtId="0" fontId="7" fillId="0" borderId="29" xfId="0" applyFont="1" applyBorder="1" applyAlignment="1">
      <alignment horizontal="center" vertical="center" shrinkToFit="1"/>
    </xf>
    <xf numFmtId="0" fontId="10" fillId="0" borderId="0" xfId="0" applyFont="1" applyAlignment="1">
      <alignment horizontal="left"/>
    </xf>
    <xf numFmtId="0" fontId="8" fillId="0" borderId="0" xfId="0" applyFont="1" applyAlignment="1">
      <alignment horizontal="right"/>
    </xf>
    <xf numFmtId="0" fontId="40" fillId="0" borderId="0" xfId="4"/>
    <xf numFmtId="197" fontId="4" fillId="0" borderId="19" xfId="4" applyNumberFormat="1" applyFont="1" applyBorder="1" applyAlignment="1">
      <alignment horizontal="center"/>
    </xf>
    <xf numFmtId="197" fontId="4" fillId="0" borderId="19" xfId="4" quotePrefix="1" applyNumberFormat="1" applyFont="1" applyBorder="1" applyAlignment="1">
      <alignment horizontal="center"/>
    </xf>
    <xf numFmtId="197" fontId="4" fillId="0" borderId="25" xfId="4" applyNumberFormat="1" applyFont="1" applyBorder="1" applyAlignment="1">
      <alignment horizontal="center"/>
    </xf>
    <xf numFmtId="197" fontId="4" fillId="0" borderId="25" xfId="4" quotePrefix="1" applyNumberFormat="1" applyFont="1" applyBorder="1" applyAlignment="1">
      <alignment horizontal="center"/>
    </xf>
    <xf numFmtId="0" fontId="4" fillId="0" borderId="7" xfId="4" quotePrefix="1" applyFont="1" applyBorder="1" applyAlignment="1">
      <alignment horizontal="right"/>
    </xf>
    <xf numFmtId="0" fontId="4" fillId="0" borderId="8" xfId="4" quotePrefix="1" applyFont="1" applyBorder="1" applyAlignment="1">
      <alignment horizontal="right"/>
    </xf>
    <xf numFmtId="197" fontId="4" fillId="0" borderId="33" xfId="4" applyNumberFormat="1" applyFont="1" applyBorder="1" applyAlignment="1">
      <alignment horizontal="center"/>
    </xf>
    <xf numFmtId="197" fontId="4" fillId="0" borderId="33" xfId="4" quotePrefix="1" applyNumberFormat="1" applyFont="1" applyBorder="1" applyAlignment="1">
      <alignment horizontal="center"/>
    </xf>
    <xf numFmtId="0" fontId="4" fillId="0" borderId="36" xfId="4" applyFont="1" applyBorder="1" applyAlignment="1">
      <alignment horizontal="right"/>
    </xf>
    <xf numFmtId="0" fontId="4" fillId="0" borderId="37" xfId="4" quotePrefix="1" applyFont="1" applyBorder="1"/>
    <xf numFmtId="0" fontId="4" fillId="0" borderId="7" xfId="4" applyFont="1" applyBorder="1" applyAlignment="1">
      <alignment horizontal="right"/>
    </xf>
    <xf numFmtId="0" fontId="4" fillId="0" borderId="8" xfId="4" quotePrefix="1" applyFont="1" applyBorder="1"/>
    <xf numFmtId="197" fontId="4" fillId="0" borderId="8" xfId="4" quotePrefix="1" applyNumberFormat="1" applyFont="1" applyBorder="1" applyAlignment="1">
      <alignment horizontal="center"/>
    </xf>
    <xf numFmtId="0" fontId="4" fillId="0" borderId="25" xfId="4" applyFont="1" applyBorder="1" applyAlignment="1">
      <alignment horizontal="center"/>
    </xf>
    <xf numFmtId="0" fontId="4" fillId="0" borderId="8" xfId="4" applyFont="1" applyBorder="1" applyAlignment="1">
      <alignment horizontal="center"/>
    </xf>
    <xf numFmtId="0" fontId="4" fillId="0" borderId="0" xfId="4" applyFont="1"/>
    <xf numFmtId="0" fontId="4" fillId="0" borderId="8" xfId="4" applyFont="1" applyBorder="1"/>
    <xf numFmtId="0" fontId="4" fillId="0" borderId="18" xfId="4" applyFont="1" applyBorder="1" applyAlignment="1">
      <alignment horizontal="center"/>
    </xf>
    <xf numFmtId="0" fontId="4" fillId="0" borderId="9" xfId="4" applyFont="1" applyBorder="1" applyAlignment="1">
      <alignment horizontal="center"/>
    </xf>
    <xf numFmtId="0" fontId="4" fillId="0" borderId="10" xfId="4" applyFont="1" applyBorder="1"/>
    <xf numFmtId="0" fontId="4" fillId="0" borderId="9" xfId="4" applyFont="1" applyBorder="1"/>
    <xf numFmtId="0" fontId="4" fillId="0" borderId="0" xfId="4" quotePrefix="1" applyFont="1" applyAlignment="1">
      <alignment horizontal="left"/>
    </xf>
    <xf numFmtId="0" fontId="43" fillId="0" borderId="0" xfId="5" applyAlignment="1"/>
    <xf numFmtId="0" fontId="40" fillId="0" borderId="0" xfId="4" applyAlignment="1">
      <alignment horizontal="center"/>
    </xf>
    <xf numFmtId="0" fontId="44" fillId="0" borderId="0" xfId="5" applyFont="1" applyAlignment="1"/>
    <xf numFmtId="0" fontId="45" fillId="0" borderId="0" xfId="4" quotePrefix="1" applyFont="1"/>
    <xf numFmtId="0" fontId="46" fillId="0" borderId="0" xfId="4" quotePrefix="1" applyFont="1" applyAlignment="1">
      <alignment horizontal="left"/>
    </xf>
    <xf numFmtId="0" fontId="40" fillId="0" borderId="0" xfId="4" applyAlignment="1">
      <alignment horizontal="centerContinuous"/>
    </xf>
    <xf numFmtId="0" fontId="47" fillId="0" borderId="0" xfId="4" quotePrefix="1" applyFont="1" applyAlignment="1">
      <alignment horizontal="left" vertical="center"/>
    </xf>
    <xf numFmtId="0" fontId="47" fillId="0" borderId="0" xfId="4" applyFont="1" applyAlignment="1">
      <alignment horizontal="left" vertical="center"/>
    </xf>
    <xf numFmtId="0" fontId="15" fillId="2" borderId="0" xfId="0" applyFont="1" applyFill="1" applyAlignment="1">
      <alignment horizontal="distributed" vertical="center"/>
    </xf>
    <xf numFmtId="0" fontId="10" fillId="0" borderId="0" xfId="0" applyFont="1" applyAlignment="1">
      <alignment horizontal="left" vertical="center"/>
    </xf>
    <xf numFmtId="0" fontId="13" fillId="0" borderId="6" xfId="0" applyFont="1" applyBorder="1" applyAlignment="1">
      <alignment horizontal="center" vertical="center"/>
    </xf>
    <xf numFmtId="0" fontId="13" fillId="0" borderId="4" xfId="0" applyFont="1" applyBorder="1" applyAlignment="1">
      <alignment horizontal="center" vertical="center"/>
    </xf>
    <xf numFmtId="0" fontId="13" fillId="0" borderId="8" xfId="0" applyFont="1" applyBorder="1" applyAlignment="1">
      <alignment horizontal="center" vertical="center"/>
    </xf>
    <xf numFmtId="0" fontId="13" fillId="0" borderId="0" xfId="0" applyFont="1" applyAlignment="1">
      <alignment horizontal="center" vertical="center"/>
    </xf>
    <xf numFmtId="0" fontId="13" fillId="0" borderId="0" xfId="0" applyFont="1" applyAlignment="1">
      <alignment horizontal="distributed" vertical="center"/>
    </xf>
    <xf numFmtId="0" fontId="13" fillId="0" borderId="9" xfId="0" applyFont="1" applyBorder="1" applyAlignment="1">
      <alignment horizontal="center" vertical="center" wrapText="1"/>
    </xf>
    <xf numFmtId="0" fontId="13" fillId="0" borderId="10" xfId="0" applyFont="1" applyBorder="1" applyAlignment="1">
      <alignment horizontal="center" vertical="center" wrapText="1"/>
    </xf>
    <xf numFmtId="0" fontId="13" fillId="0" borderId="8" xfId="0" applyFont="1" applyBorder="1" applyAlignment="1">
      <alignment horizontal="center" vertical="center" wrapText="1"/>
    </xf>
    <xf numFmtId="0" fontId="13" fillId="0" borderId="0" xfId="0" applyFont="1" applyAlignment="1">
      <alignment horizontal="center" vertical="center" wrapText="1"/>
    </xf>
    <xf numFmtId="0" fontId="13" fillId="0" borderId="9" xfId="0" applyFont="1" applyBorder="1" applyAlignment="1">
      <alignment horizontal="center" vertical="center" wrapText="1" shrinkToFit="1"/>
    </xf>
    <xf numFmtId="0" fontId="13" fillId="0" borderId="10" xfId="0" applyFont="1" applyBorder="1" applyAlignment="1">
      <alignment horizontal="center" vertical="center" wrapText="1" shrinkToFit="1"/>
    </xf>
    <xf numFmtId="0" fontId="13" fillId="0" borderId="8" xfId="0" applyFont="1" applyBorder="1" applyAlignment="1">
      <alignment horizontal="center" vertical="center" wrapText="1" shrinkToFit="1"/>
    </xf>
    <xf numFmtId="0" fontId="13" fillId="0" borderId="0" xfId="0" applyFont="1" applyAlignment="1">
      <alignment horizontal="center" vertical="center" wrapText="1" shrinkToFit="1"/>
    </xf>
    <xf numFmtId="0" fontId="13" fillId="0" borderId="9" xfId="0" applyFont="1" applyBorder="1" applyAlignment="1">
      <alignment horizontal="center" vertical="center"/>
    </xf>
    <xf numFmtId="0" fontId="13" fillId="0" borderId="10" xfId="0" applyFont="1" applyBorder="1" applyAlignment="1">
      <alignment horizontal="center" vertical="center"/>
    </xf>
    <xf numFmtId="0" fontId="18" fillId="0" borderId="11" xfId="0" applyFont="1" applyBorder="1" applyAlignment="1">
      <alignment horizontal="right" vertical="center"/>
    </xf>
    <xf numFmtId="0" fontId="9" fillId="3" borderId="0" xfId="0" applyFont="1" applyFill="1" applyAlignment="1">
      <alignment horizontal="distributed" vertical="center"/>
    </xf>
    <xf numFmtId="182" fontId="2" fillId="3" borderId="8" xfId="0" applyNumberFormat="1" applyFont="1" applyFill="1" applyBorder="1" applyAlignment="1">
      <alignment vertical="center"/>
    </xf>
    <xf numFmtId="182" fontId="2" fillId="3" borderId="0" xfId="0" applyNumberFormat="1" applyFont="1" applyFill="1" applyAlignment="1">
      <alignment vertical="center"/>
    </xf>
    <xf numFmtId="183" fontId="2" fillId="3" borderId="0" xfId="0" applyNumberFormat="1" applyFont="1" applyFill="1" applyAlignment="1">
      <alignment vertical="center"/>
    </xf>
    <xf numFmtId="181" fontId="2" fillId="3" borderId="0" xfId="0" applyNumberFormat="1" applyFont="1" applyFill="1" applyAlignment="1">
      <alignment vertical="center"/>
    </xf>
    <xf numFmtId="184" fontId="2" fillId="3" borderId="0" xfId="0" applyNumberFormat="1" applyFont="1" applyFill="1" applyAlignment="1">
      <alignment vertical="center"/>
    </xf>
    <xf numFmtId="0" fontId="9" fillId="0" borderId="0" xfId="0" applyFont="1" applyAlignment="1">
      <alignment horizontal="distributed" vertical="center"/>
    </xf>
    <xf numFmtId="182" fontId="2" fillId="0" borderId="8" xfId="0" applyNumberFormat="1" applyFont="1" applyBorder="1" applyAlignment="1">
      <alignment vertical="center"/>
    </xf>
    <xf numFmtId="182" fontId="2" fillId="0" borderId="0" xfId="0" applyNumberFormat="1" applyFont="1" applyAlignment="1">
      <alignment vertical="center"/>
    </xf>
    <xf numFmtId="183" fontId="2" fillId="0" borderId="0" xfId="0" applyNumberFormat="1" applyFont="1" applyAlignment="1">
      <alignment vertical="center"/>
    </xf>
    <xf numFmtId="181" fontId="2" fillId="0" borderId="0" xfId="0" applyNumberFormat="1" applyFont="1" applyAlignment="1">
      <alignment vertical="center"/>
    </xf>
    <xf numFmtId="184" fontId="2" fillId="0" borderId="0" xfId="0" applyNumberFormat="1" applyFont="1" applyAlignment="1">
      <alignment vertical="center"/>
    </xf>
    <xf numFmtId="0" fontId="13" fillId="0" borderId="5" xfId="0" applyFont="1" applyBorder="1" applyAlignment="1">
      <alignment horizontal="center" vertical="center"/>
    </xf>
    <xf numFmtId="0" fontId="13" fillId="0" borderId="7" xfId="0" applyFont="1" applyBorder="1" applyAlignment="1">
      <alignment horizontal="center" vertical="center"/>
    </xf>
    <xf numFmtId="0" fontId="13" fillId="0" borderId="11" xfId="0" applyFont="1" applyBorder="1" applyAlignment="1">
      <alignment horizontal="center" vertical="center"/>
    </xf>
    <xf numFmtId="0" fontId="13" fillId="0" borderId="12" xfId="0" applyFont="1" applyBorder="1" applyAlignment="1">
      <alignment horizontal="center" vertical="center"/>
    </xf>
    <xf numFmtId="0" fontId="13" fillId="0" borderId="18" xfId="0" applyFont="1" applyBorder="1" applyAlignment="1">
      <alignment horizontal="center" vertical="center"/>
    </xf>
    <xf numFmtId="0" fontId="18" fillId="0" borderId="12" xfId="0" applyFont="1" applyBorder="1" applyAlignment="1">
      <alignment horizontal="right" vertical="center"/>
    </xf>
    <xf numFmtId="0" fontId="18" fillId="0" borderId="19" xfId="0" applyFont="1" applyBorder="1" applyAlignment="1">
      <alignment horizontal="right" vertical="center"/>
    </xf>
    <xf numFmtId="0" fontId="18" fillId="0" borderId="13" xfId="0" applyFont="1" applyBorder="1" applyAlignment="1">
      <alignment horizontal="right" vertical="center"/>
    </xf>
    <xf numFmtId="0" fontId="3" fillId="0" borderId="0" xfId="0" applyFont="1" applyAlignment="1">
      <alignment horizontal="right" vertical="center"/>
    </xf>
    <xf numFmtId="186" fontId="2" fillId="3" borderId="0" xfId="0" applyNumberFormat="1" applyFont="1" applyFill="1" applyAlignment="1">
      <alignment vertical="center"/>
    </xf>
    <xf numFmtId="187" fontId="2" fillId="3" borderId="0" xfId="0" applyNumberFormat="1" applyFont="1" applyFill="1" applyAlignment="1">
      <alignment vertical="center"/>
    </xf>
    <xf numFmtId="188" fontId="2" fillId="3" borderId="0" xfId="0" applyNumberFormat="1" applyFont="1" applyFill="1" applyAlignment="1">
      <alignment vertical="center"/>
    </xf>
    <xf numFmtId="189" fontId="2" fillId="3" borderId="0" xfId="0" applyNumberFormat="1" applyFont="1" applyFill="1" applyAlignment="1">
      <alignment vertical="center"/>
    </xf>
    <xf numFmtId="186" fontId="2" fillId="0" borderId="0" xfId="0" applyNumberFormat="1" applyFont="1" applyAlignment="1">
      <alignment vertical="center"/>
    </xf>
    <xf numFmtId="187" fontId="2" fillId="0" borderId="0" xfId="0" applyNumberFormat="1" applyFont="1" applyAlignment="1">
      <alignment vertical="center"/>
    </xf>
    <xf numFmtId="188" fontId="2" fillId="0" borderId="0" xfId="0" applyNumberFormat="1" applyFont="1" applyAlignment="1">
      <alignment vertical="center"/>
    </xf>
    <xf numFmtId="189" fontId="2" fillId="0" borderId="0" xfId="0" applyNumberFormat="1" applyFont="1" applyAlignment="1">
      <alignment vertical="center"/>
    </xf>
    <xf numFmtId="0" fontId="13" fillId="0" borderId="22" xfId="0" applyFont="1" applyBorder="1" applyAlignment="1">
      <alignment horizontal="center" vertical="center"/>
    </xf>
    <xf numFmtId="0" fontId="13" fillId="0" borderId="17" xfId="0" applyFont="1" applyBorder="1" applyAlignment="1">
      <alignment horizontal="center" vertical="center"/>
    </xf>
    <xf numFmtId="0" fontId="13" fillId="0" borderId="23" xfId="0" applyFont="1" applyBorder="1" applyAlignment="1">
      <alignment horizontal="center" vertical="center"/>
    </xf>
    <xf numFmtId="190" fontId="2" fillId="3" borderId="0" xfId="0" applyNumberFormat="1" applyFont="1" applyFill="1" applyAlignment="1">
      <alignment vertical="center"/>
    </xf>
    <xf numFmtId="191" fontId="2" fillId="3" borderId="0" xfId="0" applyNumberFormat="1" applyFont="1" applyFill="1" applyAlignment="1">
      <alignment vertical="center"/>
    </xf>
    <xf numFmtId="190" fontId="2" fillId="0" borderId="0" xfId="0" applyNumberFormat="1" applyFont="1" applyAlignment="1">
      <alignment vertical="center"/>
    </xf>
    <xf numFmtId="191" fontId="2" fillId="0" borderId="0" xfId="0" applyNumberFormat="1" applyFont="1" applyAlignment="1">
      <alignment vertical="center"/>
    </xf>
    <xf numFmtId="0" fontId="20" fillId="0" borderId="9" xfId="0" applyFont="1" applyBorder="1" applyAlignment="1">
      <alignment horizontal="center" vertical="center" wrapText="1"/>
    </xf>
    <xf numFmtId="0" fontId="20" fillId="0" borderId="8" xfId="0" applyFont="1" applyBorder="1" applyAlignment="1">
      <alignment horizontal="center" vertical="center"/>
    </xf>
    <xf numFmtId="0" fontId="5" fillId="0" borderId="18" xfId="0" applyFont="1" applyBorder="1" applyAlignment="1">
      <alignment horizontal="center" vertical="center" wrapText="1"/>
    </xf>
    <xf numFmtId="0" fontId="5" fillId="0" borderId="25" xfId="0" applyFont="1" applyBorder="1" applyAlignment="1">
      <alignment horizontal="center" vertical="center" wrapText="1"/>
    </xf>
    <xf numFmtId="49" fontId="8" fillId="0" borderId="0" xfId="0" applyNumberFormat="1" applyFont="1" applyAlignment="1">
      <alignment vertical="center" textRotation="180"/>
    </xf>
    <xf numFmtId="0" fontId="7" fillId="0" borderId="0" xfId="0" applyFont="1"/>
    <xf numFmtId="0" fontId="7" fillId="0" borderId="0" xfId="0" applyFont="1" applyAlignment="1">
      <alignment horizontal="right"/>
    </xf>
    <xf numFmtId="0" fontId="13" fillId="0" borderId="4" xfId="0" applyFont="1" applyBorder="1"/>
    <xf numFmtId="0" fontId="13" fillId="0" borderId="11" xfId="0" applyFont="1" applyBorder="1"/>
    <xf numFmtId="0" fontId="5" fillId="0" borderId="18" xfId="0" applyFont="1" applyBorder="1" applyAlignment="1">
      <alignment horizontal="center" vertical="center"/>
    </xf>
    <xf numFmtId="0" fontId="5" fillId="0" borderId="25" xfId="0" applyFont="1" applyBorder="1" applyAlignment="1">
      <alignment horizontal="center" vertical="center"/>
    </xf>
    <xf numFmtId="176" fontId="5" fillId="0" borderId="9" xfId="0" applyNumberFormat="1" applyFont="1" applyBorder="1" applyAlignment="1">
      <alignment horizontal="center" vertical="center"/>
    </xf>
    <xf numFmtId="176" fontId="5" fillId="0" borderId="8" xfId="0" applyNumberFormat="1" applyFont="1" applyBorder="1" applyAlignment="1">
      <alignment horizontal="center" vertical="center"/>
    </xf>
    <xf numFmtId="176" fontId="5" fillId="0" borderId="13" xfId="0" applyNumberFormat="1" applyFont="1" applyBorder="1" applyAlignment="1">
      <alignment horizontal="center" vertical="center"/>
    </xf>
    <xf numFmtId="0" fontId="13" fillId="0" borderId="4" xfId="0" applyFont="1" applyBorder="1" applyAlignment="1">
      <alignment horizontal="distributed" vertical="center"/>
    </xf>
    <xf numFmtId="0" fontId="13" fillId="0" borderId="11" xfId="0" applyFont="1" applyBorder="1" applyAlignment="1">
      <alignment horizontal="distributed" vertical="center"/>
    </xf>
    <xf numFmtId="0" fontId="10" fillId="0" borderId="0" xfId="0" applyFont="1"/>
    <xf numFmtId="0" fontId="13" fillId="0" borderId="13" xfId="0" applyFont="1" applyBorder="1" applyAlignment="1">
      <alignment horizontal="center" vertical="center"/>
    </xf>
    <xf numFmtId="0" fontId="13" fillId="0" borderId="4" xfId="0" applyFont="1" applyBorder="1" applyAlignment="1">
      <alignment vertical="center"/>
    </xf>
    <xf numFmtId="0" fontId="13" fillId="0" borderId="11" xfId="0" applyFont="1" applyBorder="1" applyAlignment="1">
      <alignment vertical="center"/>
    </xf>
    <xf numFmtId="0" fontId="0" fillId="0" borderId="4" xfId="0" applyBorder="1" applyAlignment="1">
      <alignment horizontal="distributed"/>
    </xf>
    <xf numFmtId="0" fontId="0" fillId="0" borderId="11" xfId="0" applyBorder="1" applyAlignment="1">
      <alignment horizontal="distributed"/>
    </xf>
    <xf numFmtId="176" fontId="5" fillId="0" borderId="18" xfId="0" applyNumberFormat="1" applyFont="1" applyBorder="1" applyAlignment="1">
      <alignment horizontal="center" vertical="center"/>
    </xf>
    <xf numFmtId="176" fontId="5" fillId="0" borderId="25" xfId="0" applyNumberFormat="1" applyFont="1" applyBorder="1" applyAlignment="1">
      <alignment horizontal="center" vertical="center"/>
    </xf>
    <xf numFmtId="176" fontId="5" fillId="0" borderId="19" xfId="0" applyNumberFormat="1" applyFont="1" applyBorder="1" applyAlignment="1">
      <alignment horizontal="center" vertical="center"/>
    </xf>
    <xf numFmtId="0" fontId="5" fillId="0" borderId="9" xfId="0" applyFont="1" applyBorder="1" applyAlignment="1">
      <alignment horizontal="left" vertical="center"/>
    </xf>
    <xf numFmtId="0" fontId="5" fillId="0" borderId="10" xfId="0" applyFont="1" applyBorder="1" applyAlignment="1">
      <alignment horizontal="left" vertical="center"/>
    </xf>
    <xf numFmtId="0" fontId="5" fillId="0" borderId="8" xfId="0" applyFont="1" applyBorder="1" applyAlignment="1">
      <alignment horizontal="left" vertical="center"/>
    </xf>
    <xf numFmtId="0" fontId="5" fillId="0" borderId="0" xfId="0" applyFont="1" applyAlignment="1">
      <alignment horizontal="left" vertical="center"/>
    </xf>
    <xf numFmtId="176" fontId="20" fillId="0" borderId="9" xfId="0" applyNumberFormat="1" applyFont="1" applyBorder="1" applyAlignment="1">
      <alignment horizontal="center" vertical="center" wrapText="1"/>
    </xf>
    <xf numFmtId="0" fontId="20" fillId="0" borderId="8" xfId="0" applyFont="1" applyBorder="1" applyAlignment="1">
      <alignment horizontal="center" vertical="center" wrapText="1"/>
    </xf>
    <xf numFmtId="0" fontId="13" fillId="0" borderId="5" xfId="0" applyFont="1" applyBorder="1"/>
    <xf numFmtId="0" fontId="13" fillId="0" borderId="13" xfId="0" applyFont="1" applyBorder="1"/>
    <xf numFmtId="0" fontId="13" fillId="0" borderId="12" xfId="0" applyFont="1" applyBorder="1"/>
    <xf numFmtId="0" fontId="5" fillId="0" borderId="26" xfId="0" applyFont="1" applyBorder="1" applyAlignment="1">
      <alignment horizontal="center" vertical="center"/>
    </xf>
    <xf numFmtId="0" fontId="5" fillId="0" borderId="2" xfId="0" applyFont="1" applyBorder="1" applyAlignment="1">
      <alignment horizontal="center" vertical="center"/>
    </xf>
    <xf numFmtId="0" fontId="5" fillId="0" borderId="9" xfId="0" applyFont="1" applyBorder="1" applyAlignment="1">
      <alignment horizontal="center" vertical="center"/>
    </xf>
    <xf numFmtId="0" fontId="5" fillId="0" borderId="23" xfId="0" applyFont="1" applyBorder="1" applyAlignment="1">
      <alignment horizontal="center" vertical="center"/>
    </xf>
    <xf numFmtId="0" fontId="5" fillId="0" borderId="29" xfId="0" applyFont="1" applyBorder="1" applyAlignment="1">
      <alignment horizontal="center" vertical="center"/>
    </xf>
    <xf numFmtId="0" fontId="5" fillId="0" borderId="10" xfId="0" applyFont="1" applyBorder="1" applyAlignment="1">
      <alignment horizontal="center" vertical="center"/>
    </xf>
    <xf numFmtId="0" fontId="7" fillId="0" borderId="0" xfId="0" applyFont="1" applyAlignment="1">
      <alignment vertical="distributed"/>
    </xf>
    <xf numFmtId="0" fontId="13" fillId="0" borderId="4" xfId="0" applyFont="1" applyBorder="1" applyAlignment="1">
      <alignment horizontal="distributed" vertical="distributed"/>
    </xf>
    <xf numFmtId="0" fontId="13" fillId="0" borderId="11" xfId="0" applyFont="1" applyBorder="1" applyAlignment="1">
      <alignment horizontal="distributed" vertical="distributed"/>
    </xf>
    <xf numFmtId="0" fontId="7" fillId="0" borderId="0" xfId="0" applyFont="1" applyAlignment="1">
      <alignment horizontal="distributed" vertical="distributed"/>
    </xf>
    <xf numFmtId="0" fontId="8" fillId="0" borderId="0" xfId="0" applyFont="1"/>
    <xf numFmtId="0" fontId="5" fillId="0" borderId="8" xfId="0" applyFont="1" applyBorder="1" applyAlignment="1">
      <alignment horizontal="distributed" vertical="distributed" shrinkToFit="1"/>
    </xf>
    <xf numFmtId="0" fontId="5" fillId="0" borderId="7" xfId="0" applyFont="1" applyBorder="1" applyAlignment="1">
      <alignment horizontal="distributed" vertical="distributed" shrinkToFit="1"/>
    </xf>
    <xf numFmtId="0" fontId="4" fillId="0" borderId="7" xfId="0" applyFont="1" applyBorder="1" applyAlignment="1">
      <alignment shrinkToFit="1"/>
    </xf>
    <xf numFmtId="0" fontId="5" fillId="0" borderId="8" xfId="0" applyFont="1" applyBorder="1" applyAlignment="1">
      <alignment vertical="center" shrinkToFit="1"/>
    </xf>
    <xf numFmtId="0" fontId="4" fillId="0" borderId="7" xfId="0" applyFont="1" applyBorder="1" applyAlignment="1">
      <alignment vertical="center" shrinkToFit="1"/>
    </xf>
    <xf numFmtId="0" fontId="4" fillId="0" borderId="7" xfId="0" applyFont="1" applyBorder="1" applyAlignment="1">
      <alignment horizontal="distributed" vertical="distributed" shrinkToFit="1"/>
    </xf>
    <xf numFmtId="49" fontId="13" fillId="0" borderId="10" xfId="0" applyNumberFormat="1" applyFont="1" applyBorder="1" applyAlignment="1">
      <alignment horizontal="center" vertical="center" textRotation="255"/>
    </xf>
    <xf numFmtId="0" fontId="13" fillId="0" borderId="0" xfId="0" applyFont="1"/>
    <xf numFmtId="0" fontId="13" fillId="0" borderId="0" xfId="0" applyFont="1" applyAlignment="1">
      <alignment horizontal="center" textRotation="255"/>
    </xf>
    <xf numFmtId="0" fontId="13" fillId="0" borderId="0" xfId="0" applyFont="1" applyAlignment="1">
      <alignment horizontal="center" vertical="top" textRotation="255"/>
    </xf>
    <xf numFmtId="0" fontId="7" fillId="0" borderId="0" xfId="0" applyFont="1" applyAlignment="1">
      <alignment vertical="center"/>
    </xf>
    <xf numFmtId="0" fontId="11" fillId="0" borderId="0" xfId="0" applyFont="1" applyAlignment="1">
      <alignment vertical="center"/>
    </xf>
    <xf numFmtId="0" fontId="8" fillId="0" borderId="0" xfId="0" applyFont="1" applyAlignment="1">
      <alignment vertical="center"/>
    </xf>
    <xf numFmtId="0" fontId="19" fillId="0" borderId="4" xfId="0" applyFont="1" applyBorder="1"/>
    <xf numFmtId="0" fontId="19" fillId="0" borderId="5" xfId="0" applyFont="1" applyBorder="1"/>
    <xf numFmtId="0" fontId="19" fillId="0" borderId="0" xfId="0" applyFont="1"/>
    <xf numFmtId="0" fontId="19" fillId="0" borderId="7" xfId="0" applyFont="1" applyBorder="1"/>
    <xf numFmtId="0" fontId="19" fillId="0" borderId="11" xfId="0" applyFont="1" applyBorder="1"/>
    <xf numFmtId="0" fontId="19" fillId="0" borderId="12" xfId="0" applyFont="1" applyBorder="1"/>
    <xf numFmtId="0" fontId="5" fillId="0" borderId="30" xfId="0" applyFont="1" applyBorder="1" applyAlignment="1">
      <alignment horizontal="distributed" vertical="distributed" shrinkToFit="1"/>
    </xf>
    <xf numFmtId="0" fontId="5" fillId="0" borderId="0" xfId="0" applyFont="1" applyAlignment="1">
      <alignment horizontal="distributed" vertical="distributed" shrinkToFit="1"/>
    </xf>
    <xf numFmtId="0" fontId="4" fillId="0" borderId="0" xfId="0" applyFont="1" applyAlignment="1">
      <alignment horizontal="distributed" vertical="distributed" shrinkToFit="1"/>
    </xf>
    <xf numFmtId="0" fontId="5" fillId="0" borderId="8" xfId="0" applyFont="1" applyBorder="1" applyAlignment="1">
      <alignment horizontal="distributed" shrinkToFit="1"/>
    </xf>
    <xf numFmtId="49" fontId="5" fillId="0" borderId="8" xfId="0" applyNumberFormat="1" applyFont="1" applyBorder="1" applyAlignment="1">
      <alignment horizontal="distributed" vertical="distributed" shrinkToFit="1"/>
    </xf>
    <xf numFmtId="0" fontId="22" fillId="0" borderId="8" xfId="0" applyFont="1" applyBorder="1" applyAlignment="1">
      <alignment horizontal="left" wrapText="1"/>
    </xf>
    <xf numFmtId="0" fontId="22" fillId="0" borderId="7" xfId="0" applyFont="1" applyBorder="1" applyAlignment="1">
      <alignment horizontal="left" wrapText="1"/>
    </xf>
    <xf numFmtId="0" fontId="4" fillId="0" borderId="0" xfId="0" applyFont="1" applyAlignment="1">
      <alignment shrinkToFit="1"/>
    </xf>
    <xf numFmtId="0" fontId="22" fillId="0" borderId="30" xfId="0" applyFont="1" applyBorder="1" applyAlignment="1">
      <alignment horizontal="left" wrapText="1"/>
    </xf>
    <xf numFmtId="0" fontId="22" fillId="0" borderId="0" xfId="0" applyFont="1" applyAlignment="1">
      <alignment horizontal="left" wrapText="1"/>
    </xf>
    <xf numFmtId="0" fontId="30" fillId="0" borderId="8" xfId="0" applyFont="1" applyBorder="1" applyAlignment="1">
      <alignment horizontal="distributed" vertical="distributed" shrinkToFit="1"/>
    </xf>
    <xf numFmtId="0" fontId="30" fillId="0" borderId="7" xfId="0" applyFont="1" applyBorder="1" applyAlignment="1">
      <alignment horizontal="distributed" vertical="distributed" shrinkToFit="1"/>
    </xf>
    <xf numFmtId="0" fontId="31" fillId="0" borderId="7" xfId="0" applyFont="1" applyBorder="1" applyAlignment="1">
      <alignment shrinkToFit="1"/>
    </xf>
    <xf numFmtId="0" fontId="30" fillId="0" borderId="8" xfId="0" applyFont="1" applyBorder="1" applyAlignment="1">
      <alignment vertical="center" shrinkToFit="1"/>
    </xf>
    <xf numFmtId="0" fontId="31" fillId="0" borderId="7" xfId="0" applyFont="1" applyBorder="1" applyAlignment="1">
      <alignment vertical="center" shrinkToFit="1"/>
    </xf>
    <xf numFmtId="0" fontId="31" fillId="0" borderId="7" xfId="0" applyFont="1" applyBorder="1" applyAlignment="1">
      <alignment horizontal="distributed" vertical="distributed" shrinkToFit="1"/>
    </xf>
    <xf numFmtId="49" fontId="23" fillId="0" borderId="0" xfId="0" applyNumberFormat="1" applyFont="1" applyAlignment="1">
      <alignment vertical="center" textRotation="180"/>
    </xf>
    <xf numFmtId="0" fontId="25" fillId="0" borderId="0" xfId="0" applyFont="1" applyAlignment="1">
      <alignment horizontal="right"/>
    </xf>
    <xf numFmtId="0" fontId="25" fillId="0" borderId="0" xfId="0" applyFont="1" applyAlignment="1">
      <alignment horizontal="distributed" vertical="distributed"/>
    </xf>
    <xf numFmtId="0" fontId="28" fillId="0" borderId="4" xfId="0" applyFont="1" applyBorder="1"/>
    <xf numFmtId="0" fontId="28" fillId="0" borderId="5" xfId="0" applyFont="1" applyBorder="1"/>
    <xf numFmtId="0" fontId="28" fillId="0" borderId="0" xfId="0" applyFont="1"/>
    <xf numFmtId="0" fontId="28" fillId="0" borderId="7" xfId="0" applyFont="1" applyBorder="1"/>
    <xf numFmtId="0" fontId="28" fillId="0" borderId="11" xfId="0" applyFont="1" applyBorder="1"/>
    <xf numFmtId="0" fontId="28" fillId="0" borderId="12" xfId="0" applyFont="1" applyBorder="1"/>
    <xf numFmtId="0" fontId="30" fillId="0" borderId="30" xfId="0" applyFont="1" applyBorder="1" applyAlignment="1">
      <alignment horizontal="distributed" vertical="distributed" shrinkToFit="1"/>
    </xf>
    <xf numFmtId="0" fontId="30" fillId="0" borderId="0" xfId="0" applyFont="1" applyAlignment="1">
      <alignment horizontal="distributed" vertical="distributed" shrinkToFit="1"/>
    </xf>
    <xf numFmtId="0" fontId="31" fillId="0" borderId="0" xfId="0" applyFont="1" applyAlignment="1">
      <alignment horizontal="distributed" vertical="distributed" shrinkToFit="1"/>
    </xf>
    <xf numFmtId="0" fontId="30" fillId="0" borderId="8" xfId="0" applyFont="1" applyBorder="1" applyAlignment="1">
      <alignment horizontal="distributed" shrinkToFit="1"/>
    </xf>
    <xf numFmtId="49" fontId="30" fillId="0" borderId="8" xfId="0" applyNumberFormat="1" applyFont="1" applyBorder="1" applyAlignment="1">
      <alignment horizontal="distributed" vertical="distributed" shrinkToFit="1"/>
    </xf>
    <xf numFmtId="0" fontId="31" fillId="0" borderId="0" xfId="0" applyFont="1" applyAlignment="1">
      <alignment shrinkToFit="1"/>
    </xf>
    <xf numFmtId="0" fontId="32" fillId="0" borderId="8" xfId="0" applyFont="1" applyBorder="1" applyAlignment="1">
      <alignment horizontal="left" wrapText="1"/>
    </xf>
    <xf numFmtId="0" fontId="32" fillId="0" borderId="30" xfId="0" applyFont="1" applyBorder="1" applyAlignment="1">
      <alignment horizontal="left" wrapText="1"/>
    </xf>
    <xf numFmtId="0" fontId="32" fillId="0" borderId="0" xfId="0" applyFont="1" applyAlignment="1">
      <alignment horizontal="left" wrapText="1"/>
    </xf>
    <xf numFmtId="0" fontId="32" fillId="0" borderId="7" xfId="0" applyFont="1" applyBorder="1" applyAlignment="1">
      <alignment horizontal="left" wrapText="1"/>
    </xf>
    <xf numFmtId="49" fontId="25" fillId="0" borderId="0" xfId="0" applyNumberFormat="1" applyFont="1" applyAlignment="1">
      <alignment vertical="top" wrapText="1"/>
    </xf>
    <xf numFmtId="49" fontId="34" fillId="0" borderId="10" xfId="0" applyNumberFormat="1" applyFont="1" applyBorder="1" applyAlignment="1">
      <alignment horizontal="center" vertical="center" textRotation="255"/>
    </xf>
    <xf numFmtId="0" fontId="34" fillId="0" borderId="0" xfId="0" applyFont="1"/>
    <xf numFmtId="0" fontId="34" fillId="0" borderId="11" xfId="0" applyFont="1" applyBorder="1"/>
    <xf numFmtId="0" fontId="34" fillId="0" borderId="0" xfId="0" applyFont="1" applyAlignment="1">
      <alignment horizontal="center" textRotation="255"/>
    </xf>
    <xf numFmtId="0" fontId="34" fillId="0" borderId="0" xfId="0" applyFont="1" applyAlignment="1">
      <alignment horizontal="center" vertical="top" textRotation="255"/>
    </xf>
    <xf numFmtId="0" fontId="25" fillId="0" borderId="4" xfId="0" applyFont="1" applyBorder="1" applyAlignment="1">
      <alignment vertical="center" wrapText="1"/>
    </xf>
    <xf numFmtId="0" fontId="13" fillId="0" borderId="0" xfId="0" applyFont="1" applyAlignment="1">
      <alignment vertical="center" textRotation="255"/>
    </xf>
    <xf numFmtId="0" fontId="13" fillId="0" borderId="11" xfId="0" applyFont="1" applyBorder="1" applyAlignment="1">
      <alignment vertical="center" textRotation="255"/>
    </xf>
    <xf numFmtId="0" fontId="4" fillId="0" borderId="8" xfId="4" quotePrefix="1" applyFont="1" applyBorder="1" applyAlignment="1">
      <alignment horizontal="right"/>
    </xf>
    <xf numFmtId="0" fontId="4" fillId="0" borderId="7" xfId="4" quotePrefix="1" applyFont="1" applyBorder="1" applyAlignment="1">
      <alignment horizontal="right"/>
    </xf>
    <xf numFmtId="0" fontId="4" fillId="0" borderId="35" xfId="4" quotePrefix="1" applyFont="1" applyBorder="1" applyAlignment="1">
      <alignment horizontal="right"/>
    </xf>
    <xf numFmtId="0" fontId="4" fillId="0" borderId="34" xfId="4" quotePrefix="1" applyFont="1" applyBorder="1" applyAlignment="1">
      <alignment horizontal="right"/>
    </xf>
    <xf numFmtId="0" fontId="4" fillId="0" borderId="37" xfId="4" quotePrefix="1" applyFont="1" applyBorder="1" applyAlignment="1">
      <alignment horizontal="right"/>
    </xf>
    <xf numFmtId="0" fontId="4" fillId="0" borderId="36" xfId="4" quotePrefix="1" applyFont="1" applyBorder="1" applyAlignment="1">
      <alignment horizontal="right"/>
    </xf>
    <xf numFmtId="0" fontId="44" fillId="0" borderId="0" xfId="5" applyFont="1" applyAlignment="1">
      <alignment horizontal="left"/>
    </xf>
    <xf numFmtId="0" fontId="46" fillId="0" borderId="0" xfId="4" quotePrefix="1" applyFont="1" applyAlignment="1">
      <alignment horizontal="left"/>
    </xf>
    <xf numFmtId="0" fontId="4" fillId="0" borderId="7" xfId="4" applyFont="1" applyBorder="1" applyAlignment="1">
      <alignment horizontal="right"/>
    </xf>
    <xf numFmtId="0" fontId="4" fillId="0" borderId="9" xfId="4" applyFont="1" applyBorder="1" applyAlignment="1">
      <alignment horizontal="center" vertical="center" wrapText="1"/>
    </xf>
    <xf numFmtId="0" fontId="4" fillId="0" borderId="13" xfId="4" applyFont="1" applyBorder="1" applyAlignment="1">
      <alignment horizontal="center" vertical="center"/>
    </xf>
    <xf numFmtId="0" fontId="4" fillId="0" borderId="18" xfId="4" applyFont="1" applyBorder="1" applyAlignment="1">
      <alignment horizontal="center" vertical="center" wrapText="1"/>
    </xf>
    <xf numFmtId="0" fontId="4" fillId="0" borderId="19" xfId="4" applyFont="1" applyBorder="1" applyAlignment="1">
      <alignment horizontal="center" vertical="center" wrapText="1"/>
    </xf>
    <xf numFmtId="0" fontId="4" fillId="0" borderId="9" xfId="4" applyFont="1" applyBorder="1" applyAlignment="1">
      <alignment horizontal="center" vertical="center"/>
    </xf>
    <xf numFmtId="0" fontId="4" fillId="0" borderId="23" xfId="4" applyFont="1" applyBorder="1" applyAlignment="1">
      <alignment horizontal="center" vertical="center"/>
    </xf>
    <xf numFmtId="0" fontId="4" fillId="0" borderId="8" xfId="4" applyFont="1" applyBorder="1" applyAlignment="1">
      <alignment horizontal="center" vertical="center"/>
    </xf>
    <xf numFmtId="0" fontId="4" fillId="0" borderId="7" xfId="4" applyFont="1" applyBorder="1" applyAlignment="1">
      <alignment horizontal="center" vertical="center"/>
    </xf>
    <xf numFmtId="0" fontId="4" fillId="0" borderId="12" xfId="4" applyFont="1" applyBorder="1" applyAlignment="1">
      <alignment horizontal="center" vertical="center"/>
    </xf>
    <xf numFmtId="0" fontId="4" fillId="0" borderId="13" xfId="4" quotePrefix="1" applyFont="1" applyBorder="1" applyAlignment="1">
      <alignment horizontal="right"/>
    </xf>
    <xf numFmtId="0" fontId="4" fillId="0" borderId="12" xfId="4" applyFont="1" applyBorder="1" applyAlignment="1">
      <alignment horizontal="right"/>
    </xf>
    <xf numFmtId="0" fontId="4" fillId="0" borderId="26" xfId="4" applyFont="1" applyBorder="1" applyAlignment="1">
      <alignment horizontal="center" vertical="center"/>
    </xf>
    <xf numFmtId="0" fontId="4" fillId="0" borderId="1" xfId="4" applyFont="1" applyBorder="1" applyAlignment="1">
      <alignment horizontal="center" vertical="center"/>
    </xf>
    <xf numFmtId="0" fontId="4" fillId="0" borderId="2" xfId="4" applyFont="1" applyBorder="1" applyAlignment="1">
      <alignment horizontal="center" vertical="center"/>
    </xf>
    <xf numFmtId="0" fontId="4" fillId="0" borderId="13" xfId="4" applyFont="1" applyBorder="1" applyAlignment="1">
      <alignment horizontal="center" vertical="center" wrapText="1"/>
    </xf>
  </cellXfs>
  <cellStyles count="6">
    <cellStyle name="桁区切り 3" xfId="1" xr:uid="{F9DE12CF-E4C2-4659-87E8-727D1E91515C}"/>
    <cellStyle name="標準" xfId="0" builtinId="0"/>
    <cellStyle name="標準 2" xfId="2" xr:uid="{C39AD592-414F-49DF-9740-EE0F59778F78}"/>
    <cellStyle name="標準 3" xfId="4" xr:uid="{770B7C48-D4E7-41CF-9238-588CF2239A0D}"/>
    <cellStyle name="標準 4" xfId="5" xr:uid="{4E76D24A-A277-4F69-B749-63A466923DB0}"/>
    <cellStyle name="標準_指数詳細" xfId="3" xr:uid="{DE50903B-8EA0-4BCF-9F00-AAAB6D955C0A}"/>
  </cellStyles>
  <dxfs count="1">
    <dxf>
      <border>
        <bottom style="dotted">
          <color theme="0" tint="-0.499984740745262"/>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rgbClr val="000000"/>
        </a:solidFill>
        <a:ln w="9525">
          <a:noFill/>
          <a:miter lim="800000"/>
          <a:headEnd/>
          <a:tailEnd/>
        </a:ln>
      </a:spPr>
      <a:body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txDef>
      <a:spPr>
        <a:solidFill>
          <a:schemeClr val="lt1"/>
        </a:solidFill>
        <a:ln w="9525" cmpd="dbl">
          <a:solidFill>
            <a:schemeClr val="tx1"/>
          </a:solidFill>
          <a:prstDash val="solid"/>
        </a:ln>
      </a:spPr>
      <a:bodyPr vertOverflow="clip" wrap="square" rtlCol="0" anchor="t"/>
      <a:lstStyle>
        <a:defPPr>
          <a:defRPr kumimoji="1" sz="750" b="1">
            <a:latin typeface="ＭＳ ゴシック" pitchFamily="49" charset="-128"/>
            <a:ea typeface="ＭＳ ゴシック" pitchFamily="49" charset="-128"/>
          </a:defRPr>
        </a:defPPr>
      </a:lstStyle>
      <a:style>
        <a:lnRef idx="0">
          <a:scrgbClr r="0" g="0" b="0"/>
        </a:lnRef>
        <a:fillRef idx="0">
          <a:scrgbClr r="0" g="0" b="0"/>
        </a:fillRef>
        <a:effectRef idx="0">
          <a:scrgbClr r="0" g="0" b="0"/>
        </a:effectRef>
        <a:fontRef idx="minor">
          <a:schemeClr val="dk1"/>
        </a:fontRef>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5B68CD-FCE3-49DF-8562-485E75A4A306}">
  <sheetPr codeName="Sheet7">
    <tabColor indexed="52"/>
  </sheetPr>
  <dimension ref="A1:BE76"/>
  <sheetViews>
    <sheetView tabSelected="1" view="pageBreakPreview" zoomScaleNormal="80" zoomScaleSheetLayoutView="100" workbookViewId="0">
      <selection activeCell="AC2" sqref="AC2"/>
    </sheetView>
  </sheetViews>
  <sheetFormatPr defaultRowHeight="13.5" x14ac:dyDescent="0.15"/>
  <cols>
    <col min="1" max="3" width="1.875" style="38" customWidth="1"/>
    <col min="4" max="4" width="1.875" style="36" customWidth="1"/>
    <col min="5" max="5" width="1.875" style="37" customWidth="1"/>
    <col min="6" max="10" width="1.875" style="38" customWidth="1"/>
    <col min="11" max="13" width="2" style="38" customWidth="1"/>
    <col min="14" max="16" width="2" customWidth="1"/>
    <col min="17" max="17" width="2.375" customWidth="1"/>
    <col min="18" max="18" width="2.125" customWidth="1"/>
    <col min="19" max="19" width="3" customWidth="1"/>
    <col min="20" max="24" width="1.875" customWidth="1"/>
    <col min="25" max="27" width="2.125" customWidth="1"/>
    <col min="28" max="32" width="1.875" customWidth="1"/>
    <col min="33" max="35" width="2.125" customWidth="1"/>
    <col min="36" max="36" width="1.875" customWidth="1"/>
    <col min="37" max="41" width="2.125" customWidth="1"/>
    <col min="42" max="42" width="1.875" customWidth="1"/>
    <col min="43" max="46" width="2.125" customWidth="1"/>
    <col min="47" max="55" width="1.875" customWidth="1"/>
  </cols>
  <sheetData>
    <row r="1" spans="1:51" s="2" customFormat="1" ht="22.5" customHeight="1" x14ac:dyDescent="0.15">
      <c r="A1" s="489" t="s">
        <v>45</v>
      </c>
      <c r="B1" s="489"/>
      <c r="C1" s="489"/>
      <c r="D1" s="489"/>
      <c r="E1" s="489"/>
      <c r="F1" s="489"/>
      <c r="G1" s="489"/>
      <c r="H1" s="489"/>
      <c r="I1" s="489"/>
      <c r="J1" s="489"/>
      <c r="K1" s="9"/>
      <c r="L1" s="9"/>
      <c r="M1" s="9"/>
    </row>
    <row r="2" spans="1:51" ht="30" customHeight="1" x14ac:dyDescent="0.15">
      <c r="A2"/>
      <c r="B2"/>
      <c r="C2"/>
      <c r="D2"/>
      <c r="E2"/>
      <c r="F2"/>
      <c r="G2"/>
      <c r="H2"/>
      <c r="I2"/>
      <c r="J2"/>
      <c r="K2"/>
      <c r="L2"/>
      <c r="M2"/>
    </row>
    <row r="3" spans="1:51" ht="21.75" customHeight="1" x14ac:dyDescent="0.15">
      <c r="A3" s="490" t="s">
        <v>46</v>
      </c>
      <c r="B3" s="490"/>
      <c r="C3" s="490"/>
      <c r="D3" s="490"/>
      <c r="E3" s="490"/>
      <c r="F3" s="490"/>
      <c r="G3" s="490"/>
      <c r="H3" s="490"/>
      <c r="I3" s="490"/>
      <c r="J3" s="490"/>
      <c r="K3" s="490"/>
      <c r="L3" s="490"/>
      <c r="M3" s="490"/>
      <c r="N3" s="490"/>
      <c r="O3" s="490"/>
      <c r="P3" s="490"/>
      <c r="Q3" s="490"/>
      <c r="R3" s="490"/>
      <c r="S3" s="490"/>
      <c r="T3" s="490"/>
      <c r="U3" s="490"/>
      <c r="V3" s="490"/>
      <c r="W3" s="490"/>
      <c r="X3" s="490"/>
      <c r="Y3" s="490"/>
      <c r="Z3" s="490"/>
      <c r="AA3" s="490"/>
      <c r="AB3" s="490"/>
      <c r="AC3" s="490"/>
      <c r="AD3" s="490"/>
      <c r="AE3" s="490"/>
      <c r="AF3" s="490"/>
      <c r="AG3" s="490"/>
      <c r="AH3" s="490"/>
      <c r="AI3" s="490"/>
      <c r="AJ3" s="490"/>
      <c r="AK3" s="490"/>
      <c r="AL3" s="490"/>
      <c r="AM3" s="490"/>
      <c r="AN3" s="490"/>
      <c r="AO3" s="490"/>
      <c r="AP3" s="490"/>
      <c r="AQ3" s="490"/>
      <c r="AR3" s="490"/>
      <c r="AS3" s="490"/>
      <c r="AT3" s="490"/>
      <c r="AU3" s="11"/>
      <c r="AV3" s="11"/>
      <c r="AW3" s="11"/>
      <c r="AX3" s="11"/>
      <c r="AY3" s="11"/>
    </row>
    <row r="4" spans="1:51" ht="3.75" customHeight="1" thickBot="1" x14ac:dyDescent="0.2">
      <c r="A4" s="12"/>
      <c r="B4" s="12"/>
      <c r="C4" s="12"/>
      <c r="D4" s="12"/>
      <c r="E4" s="12"/>
      <c r="F4" s="12"/>
      <c r="G4" s="12"/>
      <c r="H4" s="12"/>
      <c r="I4" s="12"/>
      <c r="J4" s="12"/>
      <c r="K4" s="12"/>
      <c r="L4" s="12"/>
      <c r="M4" s="12"/>
      <c r="AS4" s="13"/>
      <c r="AT4" s="13"/>
      <c r="AU4" s="14"/>
      <c r="AV4" s="14"/>
      <c r="AW4" s="14"/>
      <c r="AX4" s="14"/>
    </row>
    <row r="5" spans="1:51" ht="11.25" customHeight="1" x14ac:dyDescent="0.15">
      <c r="A5" s="15"/>
      <c r="B5" s="15"/>
      <c r="C5" s="15"/>
      <c r="D5" s="15"/>
      <c r="E5" s="15"/>
      <c r="F5" s="15"/>
      <c r="G5" s="15"/>
      <c r="H5" s="15"/>
      <c r="I5" s="15"/>
      <c r="J5" s="16"/>
      <c r="K5" s="491" t="s">
        <v>47</v>
      </c>
      <c r="L5" s="492"/>
      <c r="M5" s="492"/>
      <c r="N5" s="492"/>
      <c r="O5" s="492"/>
      <c r="P5" s="492"/>
      <c r="Q5" s="492"/>
      <c r="R5" s="492"/>
      <c r="S5" s="492"/>
      <c r="T5" s="18"/>
      <c r="U5" s="18"/>
      <c r="V5" s="18"/>
      <c r="W5" s="18"/>
      <c r="X5" s="18"/>
      <c r="Y5" s="19"/>
      <c r="Z5" s="19"/>
      <c r="AA5" s="19"/>
      <c r="AB5" s="19"/>
      <c r="AC5" s="19"/>
      <c r="AD5" s="19"/>
      <c r="AE5" s="19"/>
      <c r="AF5" s="19"/>
      <c r="AG5" s="19"/>
      <c r="AH5" s="19"/>
      <c r="AI5" s="19"/>
      <c r="AJ5" s="19"/>
      <c r="AK5" s="19"/>
      <c r="AL5" s="19"/>
      <c r="AM5" s="19"/>
      <c r="AN5" s="19"/>
      <c r="AO5" s="19"/>
      <c r="AP5" s="19"/>
      <c r="AQ5" s="19"/>
      <c r="AR5" s="19"/>
      <c r="AS5" s="19"/>
      <c r="AT5" s="19"/>
    </row>
    <row r="6" spans="1:51" ht="11.25" customHeight="1" x14ac:dyDescent="0.15">
      <c r="A6" s="20"/>
      <c r="B6" s="495" t="s">
        <v>48</v>
      </c>
      <c r="C6" s="495"/>
      <c r="D6" s="495"/>
      <c r="E6" s="495"/>
      <c r="F6" s="495"/>
      <c r="G6" s="495"/>
      <c r="H6" s="495"/>
      <c r="I6" s="495"/>
      <c r="J6" s="22"/>
      <c r="K6" s="493"/>
      <c r="L6" s="494"/>
      <c r="M6" s="494"/>
      <c r="N6" s="494"/>
      <c r="O6" s="494"/>
      <c r="P6" s="494"/>
      <c r="Q6" s="494"/>
      <c r="R6" s="494"/>
      <c r="S6" s="494"/>
      <c r="T6" s="496" t="s">
        <v>49</v>
      </c>
      <c r="U6" s="497"/>
      <c r="V6" s="497"/>
      <c r="W6" s="497"/>
      <c r="X6" s="497"/>
      <c r="Y6" s="497"/>
      <c r="Z6" s="497"/>
      <c r="AA6" s="497"/>
      <c r="AB6" s="24"/>
      <c r="AC6" s="24"/>
      <c r="AD6" s="24"/>
      <c r="AE6" s="24"/>
      <c r="AF6" s="24"/>
      <c r="AG6" s="24"/>
      <c r="AH6" s="24"/>
      <c r="AI6" s="24"/>
      <c r="AJ6" s="24"/>
      <c r="AK6" s="24"/>
      <c r="AL6" s="24"/>
      <c r="AM6" s="24"/>
      <c r="AN6" s="24"/>
      <c r="AO6" s="500" t="s">
        <v>50</v>
      </c>
      <c r="AP6" s="501"/>
      <c r="AQ6" s="501"/>
      <c r="AR6" s="501"/>
      <c r="AS6" s="501"/>
      <c r="AT6" s="501"/>
      <c r="AU6" s="25"/>
      <c r="AV6" s="25"/>
    </row>
    <row r="7" spans="1:51" ht="18.75" customHeight="1" x14ac:dyDescent="0.15">
      <c r="A7" s="20"/>
      <c r="B7" s="495"/>
      <c r="C7" s="495"/>
      <c r="D7" s="495"/>
      <c r="E7" s="495"/>
      <c r="F7" s="495"/>
      <c r="G7" s="495"/>
      <c r="H7" s="495"/>
      <c r="I7" s="495"/>
      <c r="J7" s="22"/>
      <c r="K7" s="493"/>
      <c r="L7" s="494"/>
      <c r="M7" s="494"/>
      <c r="N7" s="494"/>
      <c r="O7" s="494"/>
      <c r="P7" s="494"/>
      <c r="Q7" s="494"/>
      <c r="R7" s="494"/>
      <c r="S7" s="494"/>
      <c r="T7" s="498"/>
      <c r="U7" s="499"/>
      <c r="V7" s="499"/>
      <c r="W7" s="499"/>
      <c r="X7" s="499"/>
      <c r="Y7" s="499"/>
      <c r="Z7" s="499"/>
      <c r="AA7" s="499"/>
      <c r="AB7" s="504" t="s">
        <v>51</v>
      </c>
      <c r="AC7" s="505"/>
      <c r="AD7" s="505"/>
      <c r="AE7" s="505"/>
      <c r="AF7" s="505"/>
      <c r="AG7" s="505"/>
      <c r="AH7" s="505"/>
      <c r="AI7" s="505"/>
      <c r="AJ7" s="504" t="s">
        <v>52</v>
      </c>
      <c r="AK7" s="505"/>
      <c r="AL7" s="505"/>
      <c r="AM7" s="505"/>
      <c r="AN7" s="505"/>
      <c r="AO7" s="502"/>
      <c r="AP7" s="503"/>
      <c r="AQ7" s="503"/>
      <c r="AR7" s="503"/>
      <c r="AS7" s="503"/>
      <c r="AT7" s="503"/>
      <c r="AU7" s="25"/>
      <c r="AV7" s="25"/>
    </row>
    <row r="8" spans="1:51" ht="15" customHeight="1" x14ac:dyDescent="0.15">
      <c r="A8" s="26"/>
      <c r="B8" s="26"/>
      <c r="C8" s="26"/>
      <c r="D8" s="26"/>
      <c r="E8" s="26"/>
      <c r="F8" s="26"/>
      <c r="G8" s="26"/>
      <c r="H8" s="26"/>
      <c r="I8" s="26"/>
      <c r="J8" s="27"/>
      <c r="K8" s="28"/>
      <c r="L8" s="26"/>
      <c r="M8" s="26"/>
      <c r="N8" s="26"/>
      <c r="O8" s="26"/>
      <c r="P8" s="506" t="s">
        <v>53</v>
      </c>
      <c r="Q8" s="506"/>
      <c r="R8" s="506"/>
      <c r="S8" s="506"/>
      <c r="T8" s="30"/>
      <c r="U8" s="31"/>
      <c r="V8" s="31"/>
      <c r="W8" s="31"/>
      <c r="X8" s="506" t="s">
        <v>53</v>
      </c>
      <c r="Y8" s="506"/>
      <c r="Z8" s="506"/>
      <c r="AA8" s="506"/>
      <c r="AB8" s="28"/>
      <c r="AC8" s="26"/>
      <c r="AD8" s="26"/>
      <c r="AE8" s="26"/>
      <c r="AF8" s="506" t="s">
        <v>53</v>
      </c>
      <c r="AG8" s="506"/>
      <c r="AH8" s="506"/>
      <c r="AI8" s="506"/>
      <c r="AJ8" s="28"/>
      <c r="AK8" s="26"/>
      <c r="AL8" s="26"/>
      <c r="AM8" s="26"/>
      <c r="AN8" s="29"/>
      <c r="AO8" s="32"/>
      <c r="AP8" s="29"/>
      <c r="AQ8" s="29"/>
      <c r="AR8" s="33"/>
      <c r="AS8" s="33"/>
      <c r="AT8" s="33"/>
      <c r="AU8" s="25"/>
      <c r="AV8" s="34"/>
      <c r="AW8" s="34"/>
      <c r="AX8" s="34"/>
      <c r="AY8" s="34"/>
    </row>
    <row r="9" spans="1:51" ht="6" customHeight="1" x14ac:dyDescent="0.15">
      <c r="A9" s="35"/>
      <c r="B9" s="35"/>
      <c r="C9" s="35"/>
      <c r="K9" s="39"/>
    </row>
    <row r="10" spans="1:51" ht="12.75" customHeight="1" x14ac:dyDescent="0.15">
      <c r="A10" s="35"/>
      <c r="B10" s="35"/>
      <c r="C10" s="40"/>
      <c r="D10" s="41"/>
      <c r="K10" s="39"/>
      <c r="P10" s="42" t="s">
        <v>39</v>
      </c>
      <c r="Q10" s="43"/>
      <c r="R10" s="4"/>
      <c r="S10" s="44" t="s">
        <v>44</v>
      </c>
      <c r="T10" s="4"/>
      <c r="U10" s="4"/>
      <c r="V10" s="4"/>
      <c r="W10" s="4"/>
      <c r="X10" s="45" t="s">
        <v>39</v>
      </c>
      <c r="Y10" s="4"/>
      <c r="Z10" s="4"/>
      <c r="AA10" s="45" t="s">
        <v>44</v>
      </c>
      <c r="AB10" s="4"/>
      <c r="AC10" s="4"/>
      <c r="AD10" s="4"/>
      <c r="AE10" s="4"/>
      <c r="AF10" s="45" t="s">
        <v>39</v>
      </c>
      <c r="AG10" s="4"/>
      <c r="AH10" s="4"/>
      <c r="AI10" s="45" t="s">
        <v>44</v>
      </c>
      <c r="AJ10" s="4"/>
      <c r="AK10" s="4"/>
      <c r="AL10" s="4"/>
      <c r="AN10" s="45" t="s">
        <v>39</v>
      </c>
      <c r="AO10" s="4"/>
      <c r="AP10" s="4"/>
      <c r="AQ10" s="45"/>
      <c r="AR10" s="44"/>
      <c r="AS10" s="45"/>
      <c r="AT10" s="45" t="s">
        <v>39</v>
      </c>
      <c r="AV10" s="4"/>
      <c r="AW10" s="4"/>
      <c r="AX10" s="4"/>
      <c r="AY10" s="45"/>
    </row>
    <row r="11" spans="1:51" ht="18.75" customHeight="1" x14ac:dyDescent="0.15">
      <c r="A11" s="46"/>
      <c r="B11" s="507" t="s">
        <v>54</v>
      </c>
      <c r="C11" s="507"/>
      <c r="D11" s="507"/>
      <c r="E11" s="507"/>
      <c r="F11" s="507"/>
      <c r="G11" s="507"/>
      <c r="H11" s="507"/>
      <c r="I11" s="507"/>
      <c r="J11" s="47"/>
      <c r="K11" s="508">
        <v>316374</v>
      </c>
      <c r="L11" s="509"/>
      <c r="M11" s="509"/>
      <c r="N11" s="509"/>
      <c r="O11" s="509"/>
      <c r="P11" s="509"/>
      <c r="Q11" s="510">
        <v>3</v>
      </c>
      <c r="R11" s="510"/>
      <c r="S11" s="510"/>
      <c r="T11" s="511">
        <v>294286</v>
      </c>
      <c r="U11" s="511"/>
      <c r="V11" s="511"/>
      <c r="W11" s="511"/>
      <c r="X11" s="511"/>
      <c r="Y11" s="510">
        <v>2.4</v>
      </c>
      <c r="Z11" s="510"/>
      <c r="AA11" s="510"/>
      <c r="AB11" s="512">
        <v>272718</v>
      </c>
      <c r="AC11" s="512"/>
      <c r="AD11" s="512"/>
      <c r="AE11" s="512"/>
      <c r="AF11" s="512"/>
      <c r="AG11" s="510">
        <v>2.4</v>
      </c>
      <c r="AH11" s="510"/>
      <c r="AI11" s="510"/>
      <c r="AJ11" s="511">
        <v>21568</v>
      </c>
      <c r="AK11" s="511"/>
      <c r="AL11" s="511"/>
      <c r="AM11" s="511"/>
      <c r="AN11" s="511"/>
      <c r="AO11" s="509">
        <v>22088</v>
      </c>
      <c r="AP11" s="509"/>
      <c r="AQ11" s="509"/>
      <c r="AR11" s="509"/>
      <c r="AS11" s="509"/>
      <c r="AT11" s="509"/>
      <c r="AX11" s="48"/>
      <c r="AY11" s="48"/>
    </row>
    <row r="12" spans="1:51" ht="6" customHeight="1" x14ac:dyDescent="0.15">
      <c r="B12" s="49"/>
      <c r="C12" s="21"/>
      <c r="D12" s="41"/>
      <c r="K12" s="50"/>
      <c r="L12" s="51"/>
      <c r="M12" s="51"/>
      <c r="N12" s="51"/>
      <c r="O12" s="51"/>
      <c r="P12" s="51"/>
      <c r="Q12" s="52"/>
      <c r="R12" s="52"/>
      <c r="S12" s="52"/>
      <c r="T12" s="53"/>
      <c r="U12" s="53"/>
      <c r="V12" s="53"/>
      <c r="W12" s="53"/>
      <c r="X12" s="53"/>
      <c r="Y12" s="52"/>
      <c r="Z12" s="52"/>
      <c r="AA12" s="52"/>
      <c r="AB12" s="54"/>
      <c r="AC12" s="54"/>
      <c r="AD12" s="54"/>
      <c r="AE12" s="54"/>
      <c r="AF12" s="54"/>
      <c r="AG12" s="52"/>
      <c r="AH12" s="52"/>
      <c r="AI12" s="52"/>
      <c r="AJ12" s="53"/>
      <c r="AK12" s="53"/>
      <c r="AL12" s="53"/>
      <c r="AM12" s="53"/>
      <c r="AN12" s="53"/>
      <c r="AO12" s="51"/>
      <c r="AP12" s="51"/>
      <c r="AQ12" s="51"/>
      <c r="AR12" s="51"/>
      <c r="AS12" s="55"/>
      <c r="AT12" s="55"/>
      <c r="AX12" s="56"/>
    </row>
    <row r="13" spans="1:51" ht="18.75" customHeight="1" x14ac:dyDescent="0.15">
      <c r="B13" s="513" t="s">
        <v>55</v>
      </c>
      <c r="C13" s="513"/>
      <c r="D13" s="513"/>
      <c r="E13" s="513"/>
      <c r="F13" s="513"/>
      <c r="G13" s="513"/>
      <c r="H13" s="513"/>
      <c r="I13" s="513"/>
      <c r="J13" s="49"/>
      <c r="K13" s="514">
        <v>363188</v>
      </c>
      <c r="L13" s="515"/>
      <c r="M13" s="515"/>
      <c r="N13" s="515"/>
      <c r="O13" s="515"/>
      <c r="P13" s="515"/>
      <c r="Q13" s="516">
        <v>4.5</v>
      </c>
      <c r="R13" s="516"/>
      <c r="S13" s="516"/>
      <c r="T13" s="517">
        <v>337600</v>
      </c>
      <c r="U13" s="517"/>
      <c r="V13" s="517"/>
      <c r="W13" s="517"/>
      <c r="X13" s="517"/>
      <c r="Y13" s="516">
        <v>2.9</v>
      </c>
      <c r="Z13" s="516"/>
      <c r="AA13" s="516"/>
      <c r="AB13" s="518">
        <v>310496</v>
      </c>
      <c r="AC13" s="518"/>
      <c r="AD13" s="518"/>
      <c r="AE13" s="518"/>
      <c r="AF13" s="518"/>
      <c r="AG13" s="516">
        <v>2.9</v>
      </c>
      <c r="AH13" s="516"/>
      <c r="AI13" s="516"/>
      <c r="AJ13" s="517">
        <v>27104</v>
      </c>
      <c r="AK13" s="517"/>
      <c r="AL13" s="517"/>
      <c r="AM13" s="517"/>
      <c r="AN13" s="517"/>
      <c r="AO13" s="515">
        <v>25588</v>
      </c>
      <c r="AP13" s="515"/>
      <c r="AQ13" s="515"/>
      <c r="AR13" s="515"/>
      <c r="AS13" s="515"/>
      <c r="AT13" s="515"/>
      <c r="AX13" s="48"/>
      <c r="AY13" s="48"/>
    </row>
    <row r="14" spans="1:51" ht="6" customHeight="1" x14ac:dyDescent="0.15">
      <c r="A14" s="49"/>
      <c r="B14" s="49"/>
      <c r="C14" s="21"/>
      <c r="D14" s="41"/>
      <c r="K14" s="50"/>
      <c r="L14" s="51"/>
      <c r="M14" s="51"/>
      <c r="N14" s="51"/>
      <c r="O14" s="51"/>
      <c r="P14" s="51"/>
      <c r="Q14" s="52"/>
      <c r="R14" s="52"/>
      <c r="S14" s="52"/>
      <c r="T14" s="53"/>
      <c r="U14" s="53"/>
      <c r="V14" s="53"/>
      <c r="W14" s="53"/>
      <c r="X14" s="53"/>
      <c r="Y14" s="52"/>
      <c r="Z14" s="52"/>
      <c r="AA14" s="52"/>
      <c r="AB14" s="54"/>
      <c r="AC14" s="54"/>
      <c r="AD14" s="54"/>
      <c r="AE14" s="54"/>
      <c r="AF14" s="54"/>
      <c r="AG14" s="52"/>
      <c r="AH14" s="52"/>
      <c r="AI14" s="52"/>
      <c r="AJ14" s="53"/>
      <c r="AK14" s="53"/>
      <c r="AL14" s="53"/>
      <c r="AM14" s="53"/>
      <c r="AN14" s="53"/>
      <c r="AO14" s="51"/>
      <c r="AP14" s="51"/>
      <c r="AQ14" s="51"/>
      <c r="AR14" s="51"/>
      <c r="AS14" s="57"/>
      <c r="AT14" s="57"/>
      <c r="AX14" s="58"/>
    </row>
    <row r="15" spans="1:51" ht="6" customHeight="1" x14ac:dyDescent="0.15">
      <c r="A15" s="59"/>
      <c r="B15" s="59"/>
      <c r="C15" s="60"/>
      <c r="D15" s="61"/>
      <c r="E15" s="62"/>
      <c r="F15" s="63"/>
      <c r="G15" s="63"/>
      <c r="H15" s="63"/>
      <c r="I15" s="63"/>
      <c r="J15" s="63"/>
      <c r="K15" s="64"/>
      <c r="L15" s="65"/>
      <c r="M15" s="65"/>
      <c r="N15" s="65"/>
      <c r="O15" s="65"/>
      <c r="P15" s="65"/>
      <c r="Q15" s="66"/>
      <c r="R15" s="66"/>
      <c r="S15" s="66"/>
      <c r="T15" s="67"/>
      <c r="U15" s="67"/>
      <c r="V15" s="67"/>
      <c r="W15" s="67"/>
      <c r="X15" s="67"/>
      <c r="Y15" s="66"/>
      <c r="Z15" s="66"/>
      <c r="AA15" s="66"/>
      <c r="AB15" s="68"/>
      <c r="AC15" s="68"/>
      <c r="AD15" s="68"/>
      <c r="AE15" s="68"/>
      <c r="AF15" s="68"/>
      <c r="AG15" s="66"/>
      <c r="AH15" s="66"/>
      <c r="AI15" s="66"/>
      <c r="AJ15" s="67"/>
      <c r="AK15" s="67"/>
      <c r="AL15" s="67"/>
      <c r="AM15" s="67"/>
      <c r="AN15" s="67"/>
      <c r="AO15" s="65"/>
      <c r="AP15" s="65"/>
      <c r="AQ15" s="65"/>
      <c r="AR15" s="65"/>
      <c r="AS15" s="69"/>
      <c r="AT15" s="70"/>
      <c r="AX15" s="56"/>
    </row>
    <row r="16" spans="1:51" ht="18.75" customHeight="1" x14ac:dyDescent="0.15">
      <c r="A16" s="46"/>
      <c r="B16" s="507" t="s">
        <v>56</v>
      </c>
      <c r="C16" s="507"/>
      <c r="D16" s="507"/>
      <c r="E16" s="507"/>
      <c r="F16" s="507"/>
      <c r="G16" s="507"/>
      <c r="H16" s="507"/>
      <c r="I16" s="507"/>
      <c r="J16" s="47"/>
      <c r="K16" s="508">
        <v>464982</v>
      </c>
      <c r="L16" s="509"/>
      <c r="M16" s="509"/>
      <c r="N16" s="509"/>
      <c r="O16" s="509"/>
      <c r="P16" s="509"/>
      <c r="Q16" s="510">
        <v>6.8</v>
      </c>
      <c r="R16" s="510"/>
      <c r="S16" s="510"/>
      <c r="T16" s="511">
        <v>435413</v>
      </c>
      <c r="U16" s="511"/>
      <c r="V16" s="511"/>
      <c r="W16" s="511"/>
      <c r="X16" s="511"/>
      <c r="Y16" s="510">
        <v>4.9000000000000004</v>
      </c>
      <c r="Z16" s="510"/>
      <c r="AA16" s="510"/>
      <c r="AB16" s="512">
        <v>394395</v>
      </c>
      <c r="AC16" s="512"/>
      <c r="AD16" s="512"/>
      <c r="AE16" s="512"/>
      <c r="AF16" s="512"/>
      <c r="AG16" s="510">
        <v>4.5999999999999996</v>
      </c>
      <c r="AH16" s="510"/>
      <c r="AI16" s="510"/>
      <c r="AJ16" s="511">
        <v>41018</v>
      </c>
      <c r="AK16" s="511"/>
      <c r="AL16" s="511"/>
      <c r="AM16" s="511"/>
      <c r="AN16" s="511"/>
      <c r="AO16" s="509">
        <v>29569</v>
      </c>
      <c r="AP16" s="509"/>
      <c r="AQ16" s="509"/>
      <c r="AR16" s="509"/>
      <c r="AS16" s="509"/>
      <c r="AT16" s="509"/>
      <c r="AX16" s="48"/>
      <c r="AY16" s="48"/>
    </row>
    <row r="17" spans="1:51" ht="6" customHeight="1" x14ac:dyDescent="0.15">
      <c r="B17" s="49"/>
      <c r="C17" s="21"/>
      <c r="D17" s="41"/>
      <c r="K17" s="50"/>
      <c r="L17" s="51"/>
      <c r="M17" s="51"/>
      <c r="N17" s="51"/>
      <c r="O17" s="51"/>
      <c r="P17" s="51"/>
      <c r="Q17" s="52"/>
      <c r="R17" s="52"/>
      <c r="S17" s="52"/>
      <c r="T17" s="53"/>
      <c r="U17" s="53"/>
      <c r="V17" s="53"/>
      <c r="W17" s="53"/>
      <c r="X17" s="53"/>
      <c r="Y17" s="52"/>
      <c r="Z17" s="52"/>
      <c r="AA17" s="52"/>
      <c r="AB17" s="54"/>
      <c r="AC17" s="54"/>
      <c r="AD17" s="54"/>
      <c r="AE17" s="54"/>
      <c r="AF17" s="54"/>
      <c r="AG17" s="52"/>
      <c r="AH17" s="52"/>
      <c r="AI17" s="52"/>
      <c r="AJ17" s="53"/>
      <c r="AK17" s="53"/>
      <c r="AL17" s="53"/>
      <c r="AM17" s="53"/>
      <c r="AN17" s="53"/>
      <c r="AO17" s="51"/>
      <c r="AP17" s="51"/>
      <c r="AQ17" s="51"/>
      <c r="AR17" s="51"/>
      <c r="AS17" s="55"/>
      <c r="AT17" s="71"/>
      <c r="AX17" s="56"/>
    </row>
    <row r="18" spans="1:51" ht="18.75" customHeight="1" x14ac:dyDescent="0.15">
      <c r="B18" s="513" t="s">
        <v>57</v>
      </c>
      <c r="C18" s="513"/>
      <c r="D18" s="513"/>
      <c r="E18" s="513"/>
      <c r="F18" s="513"/>
      <c r="G18" s="513"/>
      <c r="H18" s="513"/>
      <c r="I18" s="513"/>
      <c r="J18" s="49"/>
      <c r="K18" s="514">
        <v>341050</v>
      </c>
      <c r="L18" s="515"/>
      <c r="M18" s="515"/>
      <c r="N18" s="515"/>
      <c r="O18" s="515"/>
      <c r="P18" s="515"/>
      <c r="Q18" s="516">
        <v>4.0999999999999996</v>
      </c>
      <c r="R18" s="516"/>
      <c r="S18" s="516"/>
      <c r="T18" s="517">
        <v>329562</v>
      </c>
      <c r="U18" s="517"/>
      <c r="V18" s="517"/>
      <c r="W18" s="517"/>
      <c r="X18" s="517"/>
      <c r="Y18" s="516">
        <v>3.9</v>
      </c>
      <c r="Z18" s="516"/>
      <c r="AA18" s="516"/>
      <c r="AB18" s="518">
        <v>302408</v>
      </c>
      <c r="AC18" s="518"/>
      <c r="AD18" s="518"/>
      <c r="AE18" s="518"/>
      <c r="AF18" s="518"/>
      <c r="AG18" s="516">
        <v>4.0999999999999996</v>
      </c>
      <c r="AH18" s="516"/>
      <c r="AI18" s="516"/>
      <c r="AJ18" s="517">
        <v>27154</v>
      </c>
      <c r="AK18" s="517"/>
      <c r="AL18" s="517"/>
      <c r="AM18" s="517"/>
      <c r="AN18" s="517"/>
      <c r="AO18" s="515">
        <v>11488</v>
      </c>
      <c r="AP18" s="515"/>
      <c r="AQ18" s="515"/>
      <c r="AR18" s="515"/>
      <c r="AS18" s="515"/>
      <c r="AT18" s="515"/>
      <c r="AX18" s="48"/>
      <c r="AY18" s="48"/>
    </row>
    <row r="19" spans="1:51" ht="6" customHeight="1" x14ac:dyDescent="0.15">
      <c r="B19" s="49"/>
      <c r="C19" s="21"/>
      <c r="D19" s="41"/>
      <c r="K19" s="50"/>
      <c r="L19" s="51"/>
      <c r="M19" s="51"/>
      <c r="N19" s="51"/>
      <c r="O19" s="51"/>
      <c r="P19" s="51"/>
      <c r="Q19" s="52"/>
      <c r="R19" s="52"/>
      <c r="S19" s="52"/>
      <c r="T19" s="53"/>
      <c r="U19" s="53"/>
      <c r="V19" s="53"/>
      <c r="W19" s="53"/>
      <c r="X19" s="53"/>
      <c r="Y19" s="52"/>
      <c r="Z19" s="52"/>
      <c r="AA19" s="52"/>
      <c r="AB19" s="54"/>
      <c r="AC19" s="54"/>
      <c r="AD19" s="54"/>
      <c r="AE19" s="54"/>
      <c r="AF19" s="54"/>
      <c r="AG19" s="52"/>
      <c r="AH19" s="52"/>
      <c r="AI19" s="52"/>
      <c r="AJ19" s="53"/>
      <c r="AK19" s="53"/>
      <c r="AL19" s="53"/>
      <c r="AM19" s="53"/>
      <c r="AN19" s="53"/>
      <c r="AO19" s="51"/>
      <c r="AP19" s="51"/>
      <c r="AQ19" s="51"/>
      <c r="AR19" s="51"/>
      <c r="AS19" s="55"/>
      <c r="AT19" s="71"/>
      <c r="AX19" s="56"/>
    </row>
    <row r="20" spans="1:51" ht="18.75" customHeight="1" x14ac:dyDescent="0.15">
      <c r="A20" s="46"/>
      <c r="B20" s="507" t="s">
        <v>58</v>
      </c>
      <c r="C20" s="507"/>
      <c r="D20" s="507"/>
      <c r="E20" s="507"/>
      <c r="F20" s="507"/>
      <c r="G20" s="507"/>
      <c r="H20" s="507"/>
      <c r="I20" s="507"/>
      <c r="J20" s="47"/>
      <c r="K20" s="508">
        <v>323213</v>
      </c>
      <c r="L20" s="509"/>
      <c r="M20" s="509"/>
      <c r="N20" s="509"/>
      <c r="O20" s="509"/>
      <c r="P20" s="509"/>
      <c r="Q20" s="510">
        <v>2.6</v>
      </c>
      <c r="R20" s="510"/>
      <c r="S20" s="510"/>
      <c r="T20" s="511">
        <v>288433</v>
      </c>
      <c r="U20" s="511"/>
      <c r="V20" s="511"/>
      <c r="W20" s="511"/>
      <c r="X20" s="511"/>
      <c r="Y20" s="510">
        <v>0.1</v>
      </c>
      <c r="Z20" s="510"/>
      <c r="AA20" s="510"/>
      <c r="AB20" s="512">
        <v>269292</v>
      </c>
      <c r="AC20" s="512"/>
      <c r="AD20" s="512"/>
      <c r="AE20" s="512"/>
      <c r="AF20" s="512"/>
      <c r="AG20" s="510">
        <v>0</v>
      </c>
      <c r="AH20" s="510"/>
      <c r="AI20" s="510"/>
      <c r="AJ20" s="511">
        <v>19141</v>
      </c>
      <c r="AK20" s="511"/>
      <c r="AL20" s="511"/>
      <c r="AM20" s="511"/>
      <c r="AN20" s="511"/>
      <c r="AO20" s="509">
        <v>34780</v>
      </c>
      <c r="AP20" s="509"/>
      <c r="AQ20" s="509"/>
      <c r="AR20" s="509"/>
      <c r="AS20" s="509"/>
      <c r="AT20" s="509"/>
      <c r="AX20" s="48"/>
      <c r="AY20" s="48"/>
    </row>
    <row r="21" spans="1:51" ht="6" customHeight="1" x14ac:dyDescent="0.15">
      <c r="B21" s="49"/>
      <c r="C21" s="21"/>
      <c r="D21" s="41"/>
      <c r="K21" s="50"/>
      <c r="L21" s="51"/>
      <c r="M21" s="51"/>
      <c r="N21" s="51"/>
      <c r="O21" s="51"/>
      <c r="P21" s="51"/>
      <c r="Q21" s="52"/>
      <c r="R21" s="52"/>
      <c r="S21" s="52"/>
      <c r="T21" s="53"/>
      <c r="U21" s="53"/>
      <c r="V21" s="53"/>
      <c r="W21" s="53"/>
      <c r="X21" s="53"/>
      <c r="Y21" s="52"/>
      <c r="Z21" s="52"/>
      <c r="AA21" s="52"/>
      <c r="AB21" s="54"/>
      <c r="AC21" s="54"/>
      <c r="AD21" s="54"/>
      <c r="AE21" s="54"/>
      <c r="AF21" s="54"/>
      <c r="AG21" s="52"/>
      <c r="AH21" s="52"/>
      <c r="AI21" s="52"/>
      <c r="AJ21" s="53"/>
      <c r="AK21" s="53"/>
      <c r="AL21" s="53"/>
      <c r="AM21" s="53"/>
      <c r="AN21" s="53"/>
      <c r="AO21" s="51"/>
      <c r="AP21" s="51"/>
      <c r="AQ21" s="51"/>
      <c r="AR21" s="51"/>
      <c r="AS21" s="55"/>
      <c r="AT21" s="71"/>
      <c r="AX21" s="56"/>
    </row>
    <row r="22" spans="1:51" ht="18.75" customHeight="1" x14ac:dyDescent="0.15">
      <c r="B22" s="513" t="s">
        <v>59</v>
      </c>
      <c r="C22" s="513"/>
      <c r="D22" s="513"/>
      <c r="E22" s="513"/>
      <c r="F22" s="513"/>
      <c r="G22" s="513"/>
      <c r="H22" s="513"/>
      <c r="I22" s="513"/>
      <c r="J22" s="49"/>
      <c r="K22" s="514">
        <v>242448</v>
      </c>
      <c r="L22" s="515"/>
      <c r="M22" s="515"/>
      <c r="N22" s="515"/>
      <c r="O22" s="515"/>
      <c r="P22" s="515"/>
      <c r="Q22" s="516">
        <v>0.2</v>
      </c>
      <c r="R22" s="516"/>
      <c r="S22" s="516"/>
      <c r="T22" s="517">
        <v>225886</v>
      </c>
      <c r="U22" s="517"/>
      <c r="V22" s="517"/>
      <c r="W22" s="517"/>
      <c r="X22" s="517"/>
      <c r="Y22" s="516">
        <v>2.1</v>
      </c>
      <c r="Z22" s="516"/>
      <c r="AA22" s="516"/>
      <c r="AB22" s="518">
        <v>213061</v>
      </c>
      <c r="AC22" s="518"/>
      <c r="AD22" s="518"/>
      <c r="AE22" s="518"/>
      <c r="AF22" s="518"/>
      <c r="AG22" s="516">
        <v>1.7</v>
      </c>
      <c r="AH22" s="516"/>
      <c r="AI22" s="516"/>
      <c r="AJ22" s="517">
        <v>12825</v>
      </c>
      <c r="AK22" s="517"/>
      <c r="AL22" s="517"/>
      <c r="AM22" s="517"/>
      <c r="AN22" s="517"/>
      <c r="AO22" s="515">
        <v>16562</v>
      </c>
      <c r="AP22" s="515"/>
      <c r="AQ22" s="515"/>
      <c r="AR22" s="515"/>
      <c r="AS22" s="515"/>
      <c r="AT22" s="515"/>
      <c r="AX22" s="48"/>
      <c r="AY22" s="48"/>
    </row>
    <row r="23" spans="1:51" ht="6" customHeight="1" thickBot="1" x14ac:dyDescent="0.2">
      <c r="A23" s="72"/>
      <c r="B23" s="72"/>
      <c r="C23" s="73"/>
      <c r="D23" s="74"/>
      <c r="E23" s="75"/>
      <c r="F23" s="76"/>
      <c r="G23" s="76"/>
      <c r="H23" s="76"/>
      <c r="I23" s="76"/>
      <c r="J23" s="77"/>
      <c r="K23" s="76"/>
      <c r="L23" s="76"/>
      <c r="M23" s="76"/>
      <c r="N23" s="78"/>
      <c r="O23" s="78"/>
      <c r="P23" s="78"/>
      <c r="Q23" s="79"/>
      <c r="R23" s="78"/>
      <c r="S23" s="78"/>
      <c r="T23" s="78"/>
      <c r="U23" s="78"/>
      <c r="V23" s="78"/>
      <c r="W23" s="78"/>
      <c r="X23" s="78"/>
      <c r="Y23" s="78"/>
      <c r="Z23" s="78"/>
      <c r="AA23" s="78"/>
      <c r="AB23" s="78"/>
      <c r="AC23" s="78"/>
      <c r="AD23" s="78"/>
      <c r="AE23" s="78"/>
      <c r="AF23" s="78"/>
      <c r="AG23" s="78"/>
      <c r="AH23" s="78"/>
      <c r="AI23" s="78"/>
      <c r="AJ23" s="78"/>
      <c r="AK23" s="78"/>
      <c r="AL23" s="78"/>
      <c r="AM23" s="78"/>
      <c r="AN23" s="78"/>
      <c r="AO23" s="78"/>
      <c r="AP23" s="78"/>
      <c r="AQ23" s="80"/>
      <c r="AR23" s="81"/>
      <c r="AS23" s="82"/>
      <c r="AT23" s="83"/>
      <c r="AU23" s="35"/>
      <c r="AV23" s="35"/>
      <c r="AW23" s="35"/>
      <c r="AX23" s="35"/>
    </row>
    <row r="24" spans="1:51" ht="37.5" customHeight="1" thickBot="1" x14ac:dyDescent="0.2">
      <c r="A24" s="84"/>
      <c r="B24" s="84"/>
      <c r="C24" s="85"/>
      <c r="D24" s="41"/>
      <c r="Q24" s="86"/>
      <c r="AQ24" s="87"/>
      <c r="AR24" s="87"/>
      <c r="AS24" s="20"/>
      <c r="AT24" s="20"/>
      <c r="AU24" s="88"/>
      <c r="AV24" s="88"/>
      <c r="AW24" s="88"/>
      <c r="AX24" s="88"/>
    </row>
    <row r="25" spans="1:51" ht="11.25" customHeight="1" x14ac:dyDescent="0.15">
      <c r="A25" s="15"/>
      <c r="B25" s="15"/>
      <c r="C25" s="15"/>
      <c r="D25" s="15"/>
      <c r="E25" s="15"/>
      <c r="F25" s="15"/>
      <c r="G25" s="15"/>
      <c r="H25" s="15"/>
      <c r="I25" s="15"/>
      <c r="J25" s="16"/>
      <c r="K25" s="492" t="s">
        <v>60</v>
      </c>
      <c r="L25" s="492"/>
      <c r="M25" s="492"/>
      <c r="N25" s="492"/>
      <c r="O25" s="492"/>
      <c r="P25" s="519"/>
      <c r="Q25" s="491" t="s">
        <v>61</v>
      </c>
      <c r="R25" s="492"/>
      <c r="S25" s="492"/>
      <c r="T25" s="492"/>
      <c r="U25" s="492"/>
      <c r="V25" s="492"/>
      <c r="W25" s="492"/>
      <c r="X25" s="492"/>
      <c r="Y25" s="492"/>
      <c r="Z25" s="492"/>
      <c r="AA25" s="90"/>
      <c r="AB25" s="19"/>
      <c r="AC25" s="17"/>
      <c r="AD25" s="17"/>
      <c r="AE25" s="17"/>
      <c r="AF25" s="17"/>
      <c r="AG25" s="17"/>
      <c r="AH25" s="17"/>
      <c r="AI25" s="17"/>
      <c r="AJ25" s="17"/>
      <c r="AK25" s="19"/>
      <c r="AL25" s="19"/>
      <c r="AM25" s="19"/>
      <c r="AN25" s="19"/>
      <c r="AO25" s="19"/>
      <c r="AP25" s="19"/>
      <c r="AQ25" s="19"/>
      <c r="AR25" s="19"/>
      <c r="AS25" s="19"/>
      <c r="AT25" s="19"/>
    </row>
    <row r="26" spans="1:51" ht="18.75" customHeight="1" x14ac:dyDescent="0.15">
      <c r="A26" s="20"/>
      <c r="B26" s="495" t="s">
        <v>62</v>
      </c>
      <c r="C26" s="495"/>
      <c r="D26" s="495"/>
      <c r="E26" s="495"/>
      <c r="F26" s="495"/>
      <c r="G26" s="495"/>
      <c r="H26" s="495"/>
      <c r="I26" s="495"/>
      <c r="J26" s="22"/>
      <c r="K26" s="494"/>
      <c r="L26" s="494"/>
      <c r="M26" s="494"/>
      <c r="N26" s="494"/>
      <c r="O26" s="494"/>
      <c r="P26" s="520"/>
      <c r="Q26" s="493"/>
      <c r="R26" s="494"/>
      <c r="S26" s="494"/>
      <c r="T26" s="494"/>
      <c r="U26" s="494"/>
      <c r="V26" s="494"/>
      <c r="W26" s="494"/>
      <c r="X26" s="494"/>
      <c r="Y26" s="494"/>
      <c r="Z26" s="520"/>
      <c r="AA26" s="523" t="s">
        <v>63</v>
      </c>
      <c r="AB26" s="523"/>
      <c r="AC26" s="523"/>
      <c r="AD26" s="523"/>
      <c r="AE26" s="523"/>
      <c r="AF26" s="523"/>
      <c r="AG26" s="523"/>
      <c r="AH26" s="523"/>
      <c r="AI26" s="523"/>
      <c r="AJ26" s="523"/>
      <c r="AK26" s="523" t="s">
        <v>64</v>
      </c>
      <c r="AL26" s="523"/>
      <c r="AM26" s="523"/>
      <c r="AN26" s="523"/>
      <c r="AO26" s="523"/>
      <c r="AP26" s="523"/>
      <c r="AQ26" s="523"/>
      <c r="AR26" s="523"/>
      <c r="AS26" s="523"/>
      <c r="AT26" s="504"/>
    </row>
    <row r="27" spans="1:51" ht="15" customHeight="1" x14ac:dyDescent="0.15">
      <c r="A27" s="26"/>
      <c r="B27" s="26"/>
      <c r="C27" s="26"/>
      <c r="D27" s="26"/>
      <c r="E27" s="26"/>
      <c r="F27" s="26"/>
      <c r="G27" s="26"/>
      <c r="H27" s="26"/>
      <c r="I27" s="26"/>
      <c r="J27" s="27"/>
      <c r="K27" s="521"/>
      <c r="L27" s="521"/>
      <c r="M27" s="521"/>
      <c r="N27" s="521"/>
      <c r="O27" s="521"/>
      <c r="P27" s="522"/>
      <c r="Q27" s="32"/>
      <c r="R27" s="29"/>
      <c r="S27" s="29"/>
      <c r="T27" s="91"/>
      <c r="U27" s="31"/>
      <c r="V27" s="506" t="s">
        <v>53</v>
      </c>
      <c r="W27" s="506"/>
      <c r="X27" s="506"/>
      <c r="Y27" s="506"/>
      <c r="Z27" s="524"/>
      <c r="AA27" s="93"/>
      <c r="AB27" s="91"/>
      <c r="AC27" s="91"/>
      <c r="AD27" s="26"/>
      <c r="AE27" s="26"/>
      <c r="AF27" s="506" t="s">
        <v>53</v>
      </c>
      <c r="AG27" s="506"/>
      <c r="AH27" s="506"/>
      <c r="AI27" s="506"/>
      <c r="AJ27" s="506"/>
      <c r="AK27" s="93"/>
      <c r="AL27" s="91"/>
      <c r="AM27" s="26"/>
      <c r="AN27" s="26"/>
      <c r="AO27" s="26"/>
      <c r="AP27" s="524" t="s">
        <v>53</v>
      </c>
      <c r="AQ27" s="525"/>
      <c r="AR27" s="525"/>
      <c r="AS27" s="525"/>
      <c r="AT27" s="526"/>
    </row>
    <row r="28" spans="1:51" ht="6" customHeight="1" x14ac:dyDescent="0.15">
      <c r="A28" s="35"/>
      <c r="B28" s="35"/>
      <c r="C28" s="35"/>
      <c r="J28" s="94"/>
      <c r="K28" s="20"/>
      <c r="L28" s="20"/>
      <c r="M28" s="20"/>
      <c r="N28" s="20"/>
      <c r="O28" s="34"/>
      <c r="P28" s="34"/>
      <c r="Q28" s="34"/>
      <c r="R28" s="34"/>
      <c r="U28" s="95"/>
      <c r="V28" s="95"/>
      <c r="W28" s="95"/>
      <c r="X28" s="34"/>
      <c r="Y28" s="34"/>
      <c r="Z28" s="34"/>
      <c r="AA28" s="34"/>
      <c r="AD28" s="20"/>
      <c r="AE28" s="20"/>
      <c r="AF28" s="20"/>
      <c r="AG28" s="34"/>
      <c r="AH28" s="34"/>
      <c r="AI28" s="34"/>
      <c r="AJ28" s="34"/>
      <c r="AM28" s="20"/>
      <c r="AN28" s="20"/>
      <c r="AO28" s="20"/>
      <c r="AP28" s="34"/>
      <c r="AQ28" s="34"/>
      <c r="AR28" s="34"/>
      <c r="AS28" s="34"/>
    </row>
    <row r="29" spans="1:51" s="97" customFormat="1" ht="12.75" customHeight="1" x14ac:dyDescent="0.15">
      <c r="A29" s="35"/>
      <c r="B29" s="35"/>
      <c r="C29" s="40"/>
      <c r="D29" s="41"/>
      <c r="E29" s="37"/>
      <c r="F29" s="38"/>
      <c r="G29" s="38"/>
      <c r="H29" s="38"/>
      <c r="I29" s="38"/>
      <c r="J29" s="94"/>
      <c r="K29" s="45"/>
      <c r="L29" s="45"/>
      <c r="M29" s="45"/>
      <c r="N29" s="96"/>
      <c r="P29" s="96" t="s">
        <v>65</v>
      </c>
      <c r="Q29" s="34"/>
      <c r="S29" s="96"/>
      <c r="T29" s="527" t="s">
        <v>41</v>
      </c>
      <c r="U29" s="527"/>
      <c r="V29" s="96"/>
      <c r="Y29" s="96"/>
      <c r="Z29" s="45" t="s">
        <v>44</v>
      </c>
      <c r="AA29" s="96"/>
      <c r="AB29" s="96"/>
      <c r="AC29" s="96"/>
      <c r="AD29" s="527" t="s">
        <v>41</v>
      </c>
      <c r="AE29" s="527"/>
      <c r="AG29" s="96"/>
      <c r="AH29" s="96"/>
      <c r="AJ29" s="45" t="s">
        <v>44</v>
      </c>
      <c r="AK29" s="96"/>
      <c r="AL29" s="96"/>
      <c r="AM29" s="96"/>
      <c r="AN29" s="527" t="s">
        <v>41</v>
      </c>
      <c r="AO29" s="527"/>
      <c r="AQ29" s="96"/>
      <c r="AR29" s="96"/>
      <c r="AT29" s="45" t="s">
        <v>44</v>
      </c>
    </row>
    <row r="30" spans="1:51" ht="18.75" customHeight="1" x14ac:dyDescent="0.15">
      <c r="A30" s="46"/>
      <c r="B30" s="507" t="s">
        <v>54</v>
      </c>
      <c r="C30" s="507"/>
      <c r="D30" s="507"/>
      <c r="E30" s="507"/>
      <c r="F30" s="507"/>
      <c r="G30" s="507"/>
      <c r="H30" s="507"/>
      <c r="I30" s="507"/>
      <c r="J30" s="98"/>
      <c r="K30" s="528">
        <v>16.100000000000001</v>
      </c>
      <c r="L30" s="528"/>
      <c r="M30" s="528"/>
      <c r="N30" s="528"/>
      <c r="O30" s="528"/>
      <c r="P30" s="528"/>
      <c r="Q30" s="529">
        <v>126</v>
      </c>
      <c r="R30" s="529"/>
      <c r="S30" s="529"/>
      <c r="T30" s="529"/>
      <c r="U30" s="529"/>
      <c r="V30" s="530">
        <v>-4.7</v>
      </c>
      <c r="W30" s="530"/>
      <c r="X30" s="530"/>
      <c r="Y30" s="530"/>
      <c r="Z30" s="530"/>
      <c r="AA30" s="529">
        <v>115.6</v>
      </c>
      <c r="AB30" s="529"/>
      <c r="AC30" s="529"/>
      <c r="AD30" s="529"/>
      <c r="AE30" s="529"/>
      <c r="AF30" s="530">
        <v>-4.9000000000000004</v>
      </c>
      <c r="AG30" s="530"/>
      <c r="AH30" s="530"/>
      <c r="AI30" s="530"/>
      <c r="AJ30" s="530"/>
      <c r="AK30" s="531">
        <v>10.4</v>
      </c>
      <c r="AL30" s="531"/>
      <c r="AM30" s="531"/>
      <c r="AN30" s="531"/>
      <c r="AO30" s="531"/>
      <c r="AP30" s="530">
        <v>-2</v>
      </c>
      <c r="AQ30" s="530"/>
      <c r="AR30" s="530"/>
      <c r="AS30" s="530"/>
      <c r="AT30" s="530"/>
    </row>
    <row r="31" spans="1:51" ht="6" customHeight="1" x14ac:dyDescent="0.15">
      <c r="B31" s="49"/>
      <c r="C31" s="21"/>
      <c r="D31" s="41"/>
      <c r="J31" s="94"/>
      <c r="K31" s="99"/>
      <c r="L31" s="99"/>
      <c r="M31" s="99"/>
      <c r="N31" s="99"/>
      <c r="O31" s="99"/>
      <c r="P31" s="38"/>
      <c r="Q31" s="100"/>
      <c r="R31" s="100"/>
      <c r="S31" s="100"/>
      <c r="T31" s="100"/>
      <c r="U31" s="100"/>
      <c r="V31" s="101"/>
      <c r="W31" s="101"/>
      <c r="X31" s="101"/>
      <c r="Y31" s="101"/>
      <c r="Z31" s="101"/>
      <c r="AA31" s="100"/>
      <c r="AB31" s="100"/>
      <c r="AC31" s="100"/>
      <c r="AD31" s="100"/>
      <c r="AE31" s="100"/>
      <c r="AF31" s="101"/>
      <c r="AG31" s="101"/>
      <c r="AH31" s="101"/>
      <c r="AI31" s="101"/>
      <c r="AJ31" s="101"/>
      <c r="AK31" s="102"/>
      <c r="AL31" s="102"/>
      <c r="AM31" s="102"/>
      <c r="AN31" s="102"/>
      <c r="AO31" s="102"/>
      <c r="AP31" s="101"/>
      <c r="AQ31" s="101"/>
      <c r="AR31" s="101"/>
      <c r="AS31" s="101"/>
      <c r="AT31" s="101"/>
    </row>
    <row r="32" spans="1:51" ht="18.75" customHeight="1" x14ac:dyDescent="0.15">
      <c r="B32" s="513" t="s">
        <v>55</v>
      </c>
      <c r="C32" s="513"/>
      <c r="D32" s="513"/>
      <c r="E32" s="513"/>
      <c r="F32" s="513"/>
      <c r="G32" s="513"/>
      <c r="H32" s="513"/>
      <c r="I32" s="513"/>
      <c r="J32" s="103"/>
      <c r="K32" s="532">
        <v>16.899999999999999</v>
      </c>
      <c r="L32" s="532"/>
      <c r="M32" s="532"/>
      <c r="N32" s="532"/>
      <c r="O32" s="532"/>
      <c r="P32" s="532"/>
      <c r="Q32" s="533">
        <v>135.6</v>
      </c>
      <c r="R32" s="533"/>
      <c r="S32" s="533"/>
      <c r="T32" s="533"/>
      <c r="U32" s="533"/>
      <c r="V32" s="534">
        <v>-4.3</v>
      </c>
      <c r="W32" s="534"/>
      <c r="X32" s="534"/>
      <c r="Y32" s="534"/>
      <c r="Z32" s="534"/>
      <c r="AA32" s="533">
        <v>122.9</v>
      </c>
      <c r="AB32" s="533"/>
      <c r="AC32" s="533"/>
      <c r="AD32" s="533"/>
      <c r="AE32" s="533"/>
      <c r="AF32" s="534">
        <v>-4.4000000000000004</v>
      </c>
      <c r="AG32" s="534"/>
      <c r="AH32" s="534"/>
      <c r="AI32" s="534"/>
      <c r="AJ32" s="534"/>
      <c r="AK32" s="535">
        <v>12.7</v>
      </c>
      <c r="AL32" s="535"/>
      <c r="AM32" s="535"/>
      <c r="AN32" s="535"/>
      <c r="AO32" s="535"/>
      <c r="AP32" s="534">
        <v>-1.6</v>
      </c>
      <c r="AQ32" s="534"/>
      <c r="AR32" s="534"/>
      <c r="AS32" s="534"/>
      <c r="AT32" s="534"/>
    </row>
    <row r="33" spans="1:57" ht="6" customHeight="1" x14ac:dyDescent="0.15">
      <c r="A33" s="49"/>
      <c r="B33" s="49"/>
      <c r="C33" s="21"/>
      <c r="D33" s="41"/>
      <c r="J33" s="94"/>
      <c r="K33" s="104"/>
      <c r="L33" s="104"/>
      <c r="M33" s="104"/>
      <c r="N33" s="104"/>
      <c r="O33" s="104"/>
      <c r="P33" s="105"/>
      <c r="Q33" s="106"/>
      <c r="R33" s="106"/>
      <c r="S33" s="106"/>
      <c r="T33" s="106"/>
      <c r="U33" s="106"/>
      <c r="V33" s="107"/>
      <c r="W33" s="107"/>
      <c r="X33" s="107"/>
      <c r="Y33" s="107"/>
      <c r="Z33" s="107"/>
      <c r="AA33" s="106"/>
      <c r="AB33" s="106"/>
      <c r="AC33" s="106"/>
      <c r="AD33" s="106"/>
      <c r="AE33" s="106"/>
      <c r="AF33" s="107"/>
      <c r="AG33" s="107"/>
      <c r="AH33" s="107"/>
      <c r="AI33" s="107"/>
      <c r="AJ33" s="107"/>
      <c r="AK33" s="108"/>
      <c r="AL33" s="108"/>
      <c r="AM33" s="108"/>
      <c r="AN33" s="108"/>
      <c r="AO33" s="108"/>
      <c r="AP33" s="107"/>
      <c r="AQ33" s="107"/>
      <c r="AR33" s="107"/>
      <c r="AS33" s="107"/>
      <c r="AT33" s="107"/>
    </row>
    <row r="34" spans="1:57" ht="6" customHeight="1" x14ac:dyDescent="0.15">
      <c r="A34" s="59"/>
      <c r="B34" s="59"/>
      <c r="C34" s="60"/>
      <c r="D34" s="61"/>
      <c r="E34" s="62"/>
      <c r="F34" s="63"/>
      <c r="G34" s="63"/>
      <c r="H34" s="63"/>
      <c r="I34" s="63"/>
      <c r="J34" s="109"/>
      <c r="K34" s="99"/>
      <c r="L34" s="99"/>
      <c r="M34" s="99"/>
      <c r="N34" s="99"/>
      <c r="O34" s="99"/>
      <c r="P34" s="38"/>
      <c r="Q34" s="100"/>
      <c r="R34" s="100"/>
      <c r="S34" s="100"/>
      <c r="T34" s="100"/>
      <c r="U34" s="100"/>
      <c r="V34" s="101"/>
      <c r="W34" s="101"/>
      <c r="X34" s="101"/>
      <c r="Y34" s="101"/>
      <c r="Z34" s="101"/>
      <c r="AA34" s="100"/>
      <c r="AB34" s="100"/>
      <c r="AC34" s="100"/>
      <c r="AD34" s="100"/>
      <c r="AE34" s="100"/>
      <c r="AF34" s="101"/>
      <c r="AG34" s="101"/>
      <c r="AH34" s="101"/>
      <c r="AI34" s="101"/>
      <c r="AJ34" s="101"/>
      <c r="AK34" s="102"/>
      <c r="AL34" s="102"/>
      <c r="AM34" s="102"/>
      <c r="AN34" s="102"/>
      <c r="AO34" s="102"/>
      <c r="AP34" s="101"/>
      <c r="AQ34" s="101"/>
      <c r="AR34" s="101"/>
      <c r="AS34" s="101"/>
      <c r="AT34" s="101"/>
    </row>
    <row r="35" spans="1:57" ht="18.75" customHeight="1" x14ac:dyDescent="0.15">
      <c r="A35" s="46"/>
      <c r="B35" s="507" t="s">
        <v>56</v>
      </c>
      <c r="C35" s="507"/>
      <c r="D35" s="507"/>
      <c r="E35" s="507"/>
      <c r="F35" s="507"/>
      <c r="G35" s="507"/>
      <c r="H35" s="507"/>
      <c r="I35" s="507"/>
      <c r="J35" s="98"/>
      <c r="K35" s="528">
        <v>17.600000000000001</v>
      </c>
      <c r="L35" s="528"/>
      <c r="M35" s="528"/>
      <c r="N35" s="528"/>
      <c r="O35" s="528"/>
      <c r="P35" s="528"/>
      <c r="Q35" s="529">
        <v>146.19999999999999</v>
      </c>
      <c r="R35" s="529"/>
      <c r="S35" s="529"/>
      <c r="T35" s="529"/>
      <c r="U35" s="529"/>
      <c r="V35" s="530">
        <v>-3.2</v>
      </c>
      <c r="W35" s="530"/>
      <c r="X35" s="530"/>
      <c r="Y35" s="530"/>
      <c r="Z35" s="530"/>
      <c r="AA35" s="529">
        <v>132.30000000000001</v>
      </c>
      <c r="AB35" s="529"/>
      <c r="AC35" s="529"/>
      <c r="AD35" s="529"/>
      <c r="AE35" s="529"/>
      <c r="AF35" s="530">
        <v>-3.6</v>
      </c>
      <c r="AG35" s="530"/>
      <c r="AH35" s="530"/>
      <c r="AI35" s="530"/>
      <c r="AJ35" s="530"/>
      <c r="AK35" s="531">
        <v>13.9</v>
      </c>
      <c r="AL35" s="531"/>
      <c r="AM35" s="531"/>
      <c r="AN35" s="531"/>
      <c r="AO35" s="531"/>
      <c r="AP35" s="530">
        <v>0.8</v>
      </c>
      <c r="AQ35" s="530"/>
      <c r="AR35" s="530"/>
      <c r="AS35" s="530"/>
      <c r="AT35" s="530"/>
    </row>
    <row r="36" spans="1:57" ht="6" customHeight="1" x14ac:dyDescent="0.15">
      <c r="B36" s="49"/>
      <c r="C36" s="21"/>
      <c r="D36" s="41"/>
      <c r="J36" s="94"/>
      <c r="K36" s="99"/>
      <c r="L36" s="99"/>
      <c r="M36" s="99"/>
      <c r="N36" s="99"/>
      <c r="O36" s="99"/>
      <c r="P36" s="38"/>
      <c r="Q36" s="100"/>
      <c r="R36" s="100"/>
      <c r="S36" s="100"/>
      <c r="T36" s="100"/>
      <c r="U36" s="100"/>
      <c r="V36" s="101"/>
      <c r="W36" s="101"/>
      <c r="X36" s="101"/>
      <c r="Y36" s="101"/>
      <c r="Z36" s="101"/>
      <c r="AA36" s="100"/>
      <c r="AB36" s="100"/>
      <c r="AC36" s="100"/>
      <c r="AD36" s="100"/>
      <c r="AE36" s="100"/>
      <c r="AF36" s="101"/>
      <c r="AG36" s="101"/>
      <c r="AH36" s="101"/>
      <c r="AI36" s="101"/>
      <c r="AJ36" s="101"/>
      <c r="AK36" s="102"/>
      <c r="AL36" s="102"/>
      <c r="AM36" s="102"/>
      <c r="AN36" s="102"/>
      <c r="AO36" s="102"/>
      <c r="AP36" s="101"/>
      <c r="AQ36" s="101"/>
      <c r="AR36" s="101"/>
      <c r="AS36" s="101"/>
      <c r="AT36" s="101"/>
    </row>
    <row r="37" spans="1:57" ht="18.75" customHeight="1" x14ac:dyDescent="0.15">
      <c r="B37" s="513" t="s">
        <v>57</v>
      </c>
      <c r="C37" s="513"/>
      <c r="D37" s="513"/>
      <c r="E37" s="513"/>
      <c r="F37" s="513"/>
      <c r="G37" s="513"/>
      <c r="H37" s="513"/>
      <c r="I37" s="513"/>
      <c r="J37" s="103"/>
      <c r="K37" s="532">
        <v>17</v>
      </c>
      <c r="L37" s="532"/>
      <c r="M37" s="532"/>
      <c r="N37" s="532"/>
      <c r="O37" s="532"/>
      <c r="P37" s="532"/>
      <c r="Q37" s="533">
        <v>136.1</v>
      </c>
      <c r="R37" s="533"/>
      <c r="S37" s="533"/>
      <c r="T37" s="533"/>
      <c r="U37" s="533"/>
      <c r="V37" s="534">
        <v>-2.9</v>
      </c>
      <c r="W37" s="534"/>
      <c r="X37" s="534"/>
      <c r="Y37" s="534"/>
      <c r="Z37" s="534"/>
      <c r="AA37" s="533">
        <v>124.5</v>
      </c>
      <c r="AB37" s="533"/>
      <c r="AC37" s="533"/>
      <c r="AD37" s="533"/>
      <c r="AE37" s="533"/>
      <c r="AF37" s="534">
        <v>-2.7</v>
      </c>
      <c r="AG37" s="534"/>
      <c r="AH37" s="534"/>
      <c r="AI37" s="534"/>
      <c r="AJ37" s="534"/>
      <c r="AK37" s="535">
        <v>11.6</v>
      </c>
      <c r="AL37" s="535"/>
      <c r="AM37" s="535"/>
      <c r="AN37" s="535"/>
      <c r="AO37" s="535"/>
      <c r="AP37" s="534">
        <v>-4.9000000000000004</v>
      </c>
      <c r="AQ37" s="534"/>
      <c r="AR37" s="534"/>
      <c r="AS37" s="534"/>
      <c r="AT37" s="534"/>
    </row>
    <row r="38" spans="1:57" ht="6" customHeight="1" x14ac:dyDescent="0.15">
      <c r="B38" s="49"/>
      <c r="C38" s="21"/>
      <c r="D38" s="41"/>
      <c r="J38" s="94"/>
      <c r="K38" s="99"/>
      <c r="L38" s="99"/>
      <c r="M38" s="99"/>
      <c r="N38" s="99"/>
      <c r="O38" s="99"/>
      <c r="P38" s="38"/>
      <c r="Q38" s="100"/>
      <c r="R38" s="100"/>
      <c r="S38" s="100"/>
      <c r="T38" s="100"/>
      <c r="U38" s="100"/>
      <c r="V38" s="101"/>
      <c r="W38" s="101"/>
      <c r="X38" s="101"/>
      <c r="Y38" s="101"/>
      <c r="Z38" s="101"/>
      <c r="AA38" s="100"/>
      <c r="AB38" s="100"/>
      <c r="AC38" s="100"/>
      <c r="AD38" s="100"/>
      <c r="AE38" s="100"/>
      <c r="AF38" s="101"/>
      <c r="AG38" s="101"/>
      <c r="AH38" s="101"/>
      <c r="AI38" s="101"/>
      <c r="AJ38" s="101"/>
      <c r="AK38" s="102"/>
      <c r="AL38" s="102"/>
      <c r="AM38" s="102"/>
      <c r="AN38" s="102"/>
      <c r="AO38" s="102"/>
      <c r="AP38" s="101"/>
      <c r="AQ38" s="101"/>
      <c r="AR38" s="101"/>
      <c r="AS38" s="101"/>
      <c r="AT38" s="101"/>
    </row>
    <row r="39" spans="1:57" ht="18.75" customHeight="1" x14ac:dyDescent="0.15">
      <c r="A39" s="46"/>
      <c r="B39" s="507" t="s">
        <v>58</v>
      </c>
      <c r="C39" s="507"/>
      <c r="D39" s="507"/>
      <c r="E39" s="507"/>
      <c r="F39" s="507"/>
      <c r="G39" s="507"/>
      <c r="H39" s="507"/>
      <c r="I39" s="507"/>
      <c r="J39" s="98"/>
      <c r="K39" s="528">
        <v>16.399999999999999</v>
      </c>
      <c r="L39" s="528"/>
      <c r="M39" s="528"/>
      <c r="N39" s="528"/>
      <c r="O39" s="528"/>
      <c r="P39" s="528"/>
      <c r="Q39" s="529">
        <v>129.19999999999999</v>
      </c>
      <c r="R39" s="529"/>
      <c r="S39" s="529"/>
      <c r="T39" s="529"/>
      <c r="U39" s="529"/>
      <c r="V39" s="530">
        <v>-6</v>
      </c>
      <c r="W39" s="530"/>
      <c r="X39" s="530"/>
      <c r="Y39" s="530"/>
      <c r="Z39" s="530"/>
      <c r="AA39" s="529">
        <v>116.3</v>
      </c>
      <c r="AB39" s="529"/>
      <c r="AC39" s="529"/>
      <c r="AD39" s="529"/>
      <c r="AE39" s="529"/>
      <c r="AF39" s="530">
        <v>-6.8</v>
      </c>
      <c r="AG39" s="530"/>
      <c r="AH39" s="530"/>
      <c r="AI39" s="530"/>
      <c r="AJ39" s="530"/>
      <c r="AK39" s="531">
        <v>12.9</v>
      </c>
      <c r="AL39" s="531"/>
      <c r="AM39" s="531"/>
      <c r="AN39" s="531"/>
      <c r="AO39" s="531"/>
      <c r="AP39" s="530">
        <v>0.8</v>
      </c>
      <c r="AQ39" s="530"/>
      <c r="AR39" s="530"/>
      <c r="AS39" s="530"/>
      <c r="AT39" s="530"/>
    </row>
    <row r="40" spans="1:57" ht="6" customHeight="1" x14ac:dyDescent="0.15">
      <c r="B40" s="49"/>
      <c r="C40" s="21"/>
      <c r="D40" s="41"/>
      <c r="J40" s="94"/>
      <c r="K40" s="99"/>
      <c r="L40" s="99"/>
      <c r="M40" s="99"/>
      <c r="N40" s="99"/>
      <c r="O40" s="99"/>
      <c r="P40" s="38"/>
      <c r="Q40" s="100"/>
      <c r="R40" s="100"/>
      <c r="S40" s="100"/>
      <c r="T40" s="100"/>
      <c r="U40" s="100"/>
      <c r="V40" s="101"/>
      <c r="W40" s="101"/>
      <c r="X40" s="101"/>
      <c r="Y40" s="101"/>
      <c r="Z40" s="101"/>
      <c r="AA40" s="100"/>
      <c r="AB40" s="100"/>
      <c r="AC40" s="100"/>
      <c r="AD40" s="100"/>
      <c r="AE40" s="100"/>
      <c r="AF40" s="101"/>
      <c r="AG40" s="101"/>
      <c r="AH40" s="101"/>
      <c r="AI40" s="101"/>
      <c r="AJ40" s="101"/>
      <c r="AK40" s="102"/>
      <c r="AL40" s="102"/>
      <c r="AM40" s="102"/>
      <c r="AN40" s="102"/>
      <c r="AO40" s="102"/>
      <c r="AP40" s="101"/>
      <c r="AQ40" s="101"/>
      <c r="AR40" s="101"/>
      <c r="AS40" s="101"/>
      <c r="AT40" s="101"/>
    </row>
    <row r="41" spans="1:57" ht="18.75" customHeight="1" x14ac:dyDescent="0.15">
      <c r="B41" s="513" t="s">
        <v>59</v>
      </c>
      <c r="C41" s="513"/>
      <c r="D41" s="513"/>
      <c r="E41" s="513"/>
      <c r="F41" s="513"/>
      <c r="G41" s="513"/>
      <c r="H41" s="513"/>
      <c r="I41" s="513"/>
      <c r="J41" s="103"/>
      <c r="K41" s="532">
        <v>15</v>
      </c>
      <c r="L41" s="532"/>
      <c r="M41" s="532"/>
      <c r="N41" s="532"/>
      <c r="O41" s="532"/>
      <c r="P41" s="532"/>
      <c r="Q41" s="533">
        <v>110.8</v>
      </c>
      <c r="R41" s="533"/>
      <c r="S41" s="533"/>
      <c r="T41" s="533"/>
      <c r="U41" s="533"/>
      <c r="V41" s="534">
        <v>-5.0999999999999996</v>
      </c>
      <c r="W41" s="534"/>
      <c r="X41" s="534"/>
      <c r="Y41" s="534"/>
      <c r="Z41" s="534"/>
      <c r="AA41" s="533">
        <v>104</v>
      </c>
      <c r="AB41" s="533"/>
      <c r="AC41" s="533"/>
      <c r="AD41" s="533"/>
      <c r="AE41" s="533"/>
      <c r="AF41" s="534">
        <v>-5.3</v>
      </c>
      <c r="AG41" s="534"/>
      <c r="AH41" s="534"/>
      <c r="AI41" s="534"/>
      <c r="AJ41" s="534"/>
      <c r="AK41" s="535">
        <v>6.8</v>
      </c>
      <c r="AL41" s="535"/>
      <c r="AM41" s="535"/>
      <c r="AN41" s="535"/>
      <c r="AO41" s="535"/>
      <c r="AP41" s="534">
        <v>-2.9</v>
      </c>
      <c r="AQ41" s="534"/>
      <c r="AR41" s="534"/>
      <c r="AS41" s="534"/>
      <c r="AT41" s="534"/>
    </row>
    <row r="42" spans="1:57" ht="6" customHeight="1" thickBot="1" x14ac:dyDescent="0.2">
      <c r="A42" s="72"/>
      <c r="B42" s="72"/>
      <c r="C42" s="73"/>
      <c r="D42" s="74"/>
      <c r="E42" s="75"/>
      <c r="F42" s="76"/>
      <c r="G42" s="76"/>
      <c r="H42" s="76"/>
      <c r="I42" s="76"/>
      <c r="J42" s="77"/>
      <c r="K42" s="110"/>
      <c r="L42" s="110"/>
      <c r="M42" s="110"/>
      <c r="N42" s="111"/>
      <c r="O42" s="111"/>
      <c r="P42" s="78"/>
      <c r="Q42" s="79"/>
      <c r="R42" s="78"/>
      <c r="S42" s="78"/>
      <c r="T42" s="112"/>
      <c r="U42" s="112"/>
      <c r="V42" s="112"/>
      <c r="W42" s="113"/>
      <c r="X42" s="113"/>
      <c r="Y42" s="78"/>
      <c r="Z42" s="78"/>
      <c r="AA42" s="78"/>
      <c r="AB42" s="78"/>
      <c r="AC42" s="112"/>
      <c r="AD42" s="112"/>
      <c r="AE42" s="112"/>
      <c r="AF42" s="113"/>
      <c r="AG42" s="113"/>
      <c r="AH42" s="78"/>
      <c r="AI42" s="78"/>
      <c r="AJ42" s="78"/>
      <c r="AK42" s="78"/>
      <c r="AL42" s="78"/>
      <c r="AM42" s="78"/>
      <c r="AN42" s="78"/>
      <c r="AO42" s="78"/>
      <c r="AP42" s="78"/>
      <c r="AQ42" s="78"/>
      <c r="AR42" s="78"/>
      <c r="AS42" s="78"/>
      <c r="AT42" s="78"/>
    </row>
    <row r="43" spans="1:57" ht="37.5" customHeight="1" thickBot="1" x14ac:dyDescent="0.2">
      <c r="A43" s="84"/>
      <c r="B43" s="84"/>
      <c r="C43" s="85"/>
      <c r="D43" s="41"/>
      <c r="Q43" s="86"/>
      <c r="AQ43" s="20"/>
      <c r="AR43" s="20"/>
      <c r="AS43" s="88"/>
      <c r="AT43" s="88"/>
      <c r="AU43" s="20"/>
      <c r="AV43" s="114"/>
      <c r="AW43" s="114"/>
      <c r="AX43" s="114"/>
    </row>
    <row r="44" spans="1:57" ht="15" customHeight="1" x14ac:dyDescent="0.15">
      <c r="A44" s="15"/>
      <c r="B44" s="15"/>
      <c r="C44" s="15"/>
      <c r="D44" s="15"/>
      <c r="E44" s="15"/>
      <c r="F44" s="15"/>
      <c r="G44" s="15"/>
      <c r="H44" s="15"/>
      <c r="I44" s="15"/>
      <c r="J44" s="16"/>
      <c r="K44" s="491" t="s">
        <v>66</v>
      </c>
      <c r="L44" s="492"/>
      <c r="M44" s="492"/>
      <c r="N44" s="492"/>
      <c r="O44" s="492"/>
      <c r="P44" s="492"/>
      <c r="Q44" s="492"/>
      <c r="R44" s="492"/>
      <c r="S44" s="492"/>
      <c r="T44" s="17"/>
      <c r="U44" s="17"/>
      <c r="V44" s="17"/>
      <c r="W44" s="17"/>
      <c r="X44" s="17"/>
      <c r="Y44" s="17"/>
      <c r="Z44" s="17"/>
      <c r="AA44" s="17"/>
      <c r="AB44" s="17"/>
      <c r="AC44" s="536" t="s">
        <v>67</v>
      </c>
      <c r="AD44" s="537"/>
      <c r="AE44" s="537"/>
      <c r="AF44" s="537"/>
      <c r="AG44" s="537"/>
      <c r="AH44" s="537"/>
      <c r="AI44" s="537"/>
      <c r="AJ44" s="537"/>
      <c r="AK44" s="537"/>
      <c r="AL44" s="537"/>
      <c r="AM44" s="537"/>
      <c r="AN44" s="537"/>
      <c r="AO44" s="537"/>
      <c r="AP44" s="537"/>
      <c r="AQ44" s="537"/>
      <c r="AR44" s="537"/>
      <c r="AS44" s="537"/>
      <c r="AT44" s="537"/>
      <c r="BE44" s="115"/>
    </row>
    <row r="45" spans="1:57" ht="18.75" customHeight="1" x14ac:dyDescent="0.15">
      <c r="A45" s="20"/>
      <c r="B45" s="495" t="s">
        <v>62</v>
      </c>
      <c r="C45" s="495"/>
      <c r="D45" s="495"/>
      <c r="E45" s="495"/>
      <c r="F45" s="495"/>
      <c r="G45" s="495"/>
      <c r="H45" s="495"/>
      <c r="I45" s="495"/>
      <c r="J45" s="22"/>
      <c r="K45" s="493"/>
      <c r="L45" s="494"/>
      <c r="M45" s="494"/>
      <c r="N45" s="494"/>
      <c r="O45" s="494"/>
      <c r="P45" s="494"/>
      <c r="Q45" s="494"/>
      <c r="R45" s="494"/>
      <c r="S45" s="494"/>
      <c r="T45" s="504" t="s">
        <v>68</v>
      </c>
      <c r="U45" s="505"/>
      <c r="V45" s="505"/>
      <c r="W45" s="505"/>
      <c r="X45" s="505"/>
      <c r="Y45" s="505"/>
      <c r="Z45" s="505"/>
      <c r="AA45" s="505"/>
      <c r="AB45" s="505"/>
      <c r="AC45" s="504" t="s">
        <v>69</v>
      </c>
      <c r="AD45" s="505"/>
      <c r="AE45" s="505"/>
      <c r="AF45" s="505"/>
      <c r="AG45" s="505"/>
      <c r="AH45" s="505"/>
      <c r="AI45" s="505"/>
      <c r="AJ45" s="505"/>
      <c r="AK45" s="538"/>
      <c r="AL45" s="504" t="s">
        <v>70</v>
      </c>
      <c r="AM45" s="505"/>
      <c r="AN45" s="505"/>
      <c r="AO45" s="505"/>
      <c r="AP45" s="505"/>
      <c r="AQ45" s="505"/>
      <c r="AR45" s="505"/>
      <c r="AS45" s="505"/>
      <c r="AT45" s="505"/>
      <c r="BE45" s="116"/>
    </row>
    <row r="46" spans="1:57" ht="15" customHeight="1" x14ac:dyDescent="0.15">
      <c r="A46" s="26"/>
      <c r="B46" s="26"/>
      <c r="C46" s="26"/>
      <c r="D46" s="26"/>
      <c r="E46" s="26"/>
      <c r="F46" s="26"/>
      <c r="G46" s="26"/>
      <c r="H46" s="26"/>
      <c r="I46" s="26"/>
      <c r="J46" s="27"/>
      <c r="K46" s="28"/>
      <c r="L46" s="26"/>
      <c r="M46" s="26"/>
      <c r="N46" s="26"/>
      <c r="O46" s="506" t="s">
        <v>53</v>
      </c>
      <c r="P46" s="506"/>
      <c r="Q46" s="506"/>
      <c r="R46" s="506"/>
      <c r="S46" s="524"/>
      <c r="T46" s="93"/>
      <c r="U46" s="31"/>
      <c r="V46" s="31"/>
      <c r="W46" s="31"/>
      <c r="X46" s="506" t="s">
        <v>71</v>
      </c>
      <c r="Y46" s="506"/>
      <c r="Z46" s="506"/>
      <c r="AA46" s="506"/>
      <c r="AB46" s="506"/>
      <c r="AC46" s="93"/>
      <c r="AD46" s="26"/>
      <c r="AE46" s="26"/>
      <c r="AF46" s="26"/>
      <c r="AG46" s="506" t="s">
        <v>72</v>
      </c>
      <c r="AH46" s="506"/>
      <c r="AI46" s="506"/>
      <c r="AJ46" s="506"/>
      <c r="AK46" s="524"/>
      <c r="AL46" s="93"/>
      <c r="AM46" s="26"/>
      <c r="AN46" s="26"/>
      <c r="AO46" s="26"/>
      <c r="AP46" s="506" t="s">
        <v>72</v>
      </c>
      <c r="AQ46" s="506"/>
      <c r="AR46" s="506"/>
      <c r="AS46" s="506"/>
      <c r="AT46" s="506"/>
      <c r="BE46" s="116"/>
    </row>
    <row r="47" spans="1:57" ht="6" customHeight="1" x14ac:dyDescent="0.15">
      <c r="A47" s="35"/>
      <c r="B47" s="35"/>
      <c r="C47" s="35"/>
      <c r="K47" s="117"/>
      <c r="L47" s="20"/>
      <c r="M47" s="20"/>
      <c r="N47" s="20"/>
      <c r="O47" s="34"/>
      <c r="P47" s="34"/>
      <c r="Q47" s="34"/>
      <c r="R47" s="34"/>
      <c r="U47" s="95"/>
      <c r="V47" s="95"/>
      <c r="W47" s="95"/>
      <c r="X47" s="34"/>
      <c r="Y47" s="34"/>
      <c r="Z47" s="34"/>
      <c r="AA47" s="34"/>
      <c r="AD47" s="20"/>
      <c r="AE47" s="20"/>
      <c r="AF47" s="20"/>
      <c r="AG47" s="34"/>
      <c r="AH47" s="34"/>
      <c r="AI47" s="34"/>
      <c r="AJ47" s="34"/>
      <c r="AM47" s="20"/>
      <c r="AN47" s="20"/>
      <c r="AO47" s="20"/>
      <c r="AP47" s="34"/>
      <c r="AQ47" s="34"/>
      <c r="AR47" s="34"/>
      <c r="AS47" s="34"/>
      <c r="BE47" s="116"/>
    </row>
    <row r="48" spans="1:57" s="97" customFormat="1" ht="12.75" customHeight="1" x14ac:dyDescent="0.15">
      <c r="A48" s="35"/>
      <c r="B48" s="35"/>
      <c r="C48" s="40"/>
      <c r="D48" s="41"/>
      <c r="E48" s="37"/>
      <c r="F48" s="38"/>
      <c r="G48" s="38"/>
      <c r="H48" s="38"/>
      <c r="I48" s="38"/>
      <c r="J48" s="38"/>
      <c r="K48" s="118"/>
      <c r="L48" s="45"/>
      <c r="M48" s="45"/>
      <c r="N48" s="96"/>
      <c r="P48" s="96" t="s">
        <v>73</v>
      </c>
      <c r="Q48" s="34"/>
      <c r="R48" s="96"/>
      <c r="S48" s="45" t="s">
        <v>44</v>
      </c>
      <c r="T48" s="96"/>
      <c r="U48" s="96"/>
      <c r="V48" s="96"/>
      <c r="X48" s="527" t="s">
        <v>73</v>
      </c>
      <c r="Y48" s="527"/>
      <c r="Z48" s="96"/>
      <c r="AA48" s="96"/>
      <c r="AB48" s="45" t="s">
        <v>44</v>
      </c>
      <c r="AC48" s="96"/>
      <c r="AD48" s="96"/>
      <c r="AE48" s="96"/>
      <c r="AF48" s="45" t="s">
        <v>44</v>
      </c>
      <c r="AH48" s="96"/>
      <c r="AI48" s="96"/>
      <c r="AK48" s="45" t="s">
        <v>74</v>
      </c>
      <c r="AL48" s="96"/>
      <c r="AM48" s="96"/>
      <c r="AN48" s="96"/>
      <c r="AO48" s="45" t="s">
        <v>44</v>
      </c>
      <c r="AQ48" s="96"/>
      <c r="AR48" s="96"/>
      <c r="AT48" s="45" t="s">
        <v>74</v>
      </c>
      <c r="BE48"/>
    </row>
    <row r="49" spans="1:57" ht="18.75" customHeight="1" x14ac:dyDescent="0.15">
      <c r="A49" s="46"/>
      <c r="B49" s="507" t="s">
        <v>54</v>
      </c>
      <c r="C49" s="507"/>
      <c r="D49" s="507"/>
      <c r="E49" s="507"/>
      <c r="F49" s="507"/>
      <c r="G49" s="507"/>
      <c r="H49" s="507"/>
      <c r="I49" s="507"/>
      <c r="J49" s="47"/>
      <c r="K49" s="508">
        <v>3120051</v>
      </c>
      <c r="L49" s="509"/>
      <c r="M49" s="509"/>
      <c r="N49" s="509"/>
      <c r="O49" s="509"/>
      <c r="P49" s="509"/>
      <c r="Q49" s="510">
        <v>0.4</v>
      </c>
      <c r="R49" s="510"/>
      <c r="S49" s="510"/>
      <c r="T49" s="509">
        <v>1145956</v>
      </c>
      <c r="U49" s="509"/>
      <c r="V49" s="509"/>
      <c r="W49" s="509"/>
      <c r="X49" s="509"/>
      <c r="Y49" s="509"/>
      <c r="Z49" s="510">
        <v>36.700000000000003</v>
      </c>
      <c r="AA49" s="510"/>
      <c r="AB49" s="510"/>
      <c r="AC49" s="539">
        <v>1.75</v>
      </c>
      <c r="AD49" s="539"/>
      <c r="AE49" s="539"/>
      <c r="AF49" s="539"/>
      <c r="AG49" s="539"/>
      <c r="AH49" s="540">
        <v>7.0000000000000007E-2</v>
      </c>
      <c r="AI49" s="540"/>
      <c r="AJ49" s="540"/>
      <c r="AK49" s="540"/>
      <c r="AL49" s="539">
        <v>1.76</v>
      </c>
      <c r="AM49" s="539"/>
      <c r="AN49" s="539"/>
      <c r="AO49" s="539"/>
      <c r="AP49" s="539"/>
      <c r="AQ49" s="540">
        <v>0.19</v>
      </c>
      <c r="AR49" s="540"/>
      <c r="AS49" s="540"/>
      <c r="AT49" s="540"/>
    </row>
    <row r="50" spans="1:57" ht="6" customHeight="1" x14ac:dyDescent="0.15">
      <c r="B50" s="49"/>
      <c r="C50" s="21"/>
      <c r="D50" s="41"/>
      <c r="K50" s="50"/>
      <c r="L50" s="51"/>
      <c r="M50" s="51"/>
      <c r="N50" s="51"/>
      <c r="O50" s="51"/>
      <c r="P50" s="51"/>
      <c r="Q50" s="52"/>
      <c r="R50" s="52"/>
      <c r="S50" s="52"/>
      <c r="T50" s="51"/>
      <c r="U50" s="51"/>
      <c r="V50" s="51"/>
      <c r="W50" s="51"/>
      <c r="X50" s="51"/>
      <c r="Y50" s="51"/>
      <c r="Z50" s="52"/>
      <c r="AA50" s="52"/>
      <c r="AB50" s="52"/>
      <c r="AC50" s="119"/>
      <c r="AD50" s="119"/>
      <c r="AE50" s="119"/>
      <c r="AF50" s="119"/>
      <c r="AG50" s="119"/>
      <c r="AH50" s="120"/>
      <c r="AI50" s="120"/>
      <c r="AJ50" s="120"/>
      <c r="AK50" s="120"/>
      <c r="AL50" s="119"/>
      <c r="AM50" s="119"/>
      <c r="AN50" s="119"/>
      <c r="AO50" s="119"/>
      <c r="AP50" s="119"/>
      <c r="AQ50" s="120"/>
      <c r="AR50" s="120"/>
      <c r="AS50" s="120"/>
      <c r="AT50" s="120"/>
    </row>
    <row r="51" spans="1:57" ht="18.75" customHeight="1" x14ac:dyDescent="0.15">
      <c r="B51" s="513" t="s">
        <v>55</v>
      </c>
      <c r="C51" s="513"/>
      <c r="D51" s="513"/>
      <c r="E51" s="513"/>
      <c r="F51" s="513"/>
      <c r="G51" s="513"/>
      <c r="H51" s="513"/>
      <c r="I51" s="513"/>
      <c r="J51" s="49"/>
      <c r="K51" s="514">
        <v>1910145</v>
      </c>
      <c r="L51" s="515"/>
      <c r="M51" s="515"/>
      <c r="N51" s="515"/>
      <c r="O51" s="515"/>
      <c r="P51" s="515"/>
      <c r="Q51" s="516">
        <v>-0.8</v>
      </c>
      <c r="R51" s="516"/>
      <c r="S51" s="516"/>
      <c r="T51" s="515">
        <v>540310</v>
      </c>
      <c r="U51" s="515"/>
      <c r="V51" s="515"/>
      <c r="W51" s="515"/>
      <c r="X51" s="515"/>
      <c r="Y51" s="515"/>
      <c r="Z51" s="516">
        <v>28.3</v>
      </c>
      <c r="AA51" s="516"/>
      <c r="AB51" s="516"/>
      <c r="AC51" s="541">
        <v>1.24</v>
      </c>
      <c r="AD51" s="541"/>
      <c r="AE51" s="541"/>
      <c r="AF51" s="541"/>
      <c r="AG51" s="541"/>
      <c r="AH51" s="542">
        <v>-0.16</v>
      </c>
      <c r="AI51" s="542"/>
      <c r="AJ51" s="542"/>
      <c r="AK51" s="542"/>
      <c r="AL51" s="541">
        <v>1.28</v>
      </c>
      <c r="AM51" s="541"/>
      <c r="AN51" s="541"/>
      <c r="AO51" s="541"/>
      <c r="AP51" s="541"/>
      <c r="AQ51" s="542">
        <v>0.03</v>
      </c>
      <c r="AR51" s="542"/>
      <c r="AS51" s="542"/>
      <c r="AT51" s="542"/>
      <c r="BE51" s="58"/>
    </row>
    <row r="52" spans="1:57" ht="6" customHeight="1" x14ac:dyDescent="0.15">
      <c r="A52" s="49"/>
      <c r="B52" s="49"/>
      <c r="C52" s="21"/>
      <c r="D52" s="41"/>
      <c r="K52" s="50"/>
      <c r="L52" s="51"/>
      <c r="M52" s="51"/>
      <c r="N52" s="51"/>
      <c r="O52" s="51"/>
      <c r="P52" s="51"/>
      <c r="Q52" s="52"/>
      <c r="R52" s="52"/>
      <c r="S52" s="52"/>
      <c r="T52" s="51"/>
      <c r="U52" s="51"/>
      <c r="V52" s="51"/>
      <c r="W52" s="51"/>
      <c r="X52" s="51"/>
      <c r="Y52" s="51"/>
      <c r="Z52" s="52"/>
      <c r="AA52" s="52"/>
      <c r="AB52" s="52"/>
      <c r="AC52" s="119"/>
      <c r="AD52" s="119"/>
      <c r="AE52" s="119"/>
      <c r="AF52" s="119"/>
      <c r="AG52" s="119"/>
      <c r="AH52" s="120"/>
      <c r="AI52" s="120"/>
      <c r="AJ52" s="120"/>
      <c r="AK52" s="120"/>
      <c r="AL52" s="119"/>
      <c r="AM52" s="119"/>
      <c r="AN52" s="119"/>
      <c r="AO52" s="119"/>
      <c r="AP52" s="119"/>
      <c r="AQ52" s="120"/>
      <c r="AR52" s="120"/>
      <c r="AS52" s="120"/>
      <c r="AT52" s="120"/>
      <c r="BE52" s="56"/>
    </row>
    <row r="53" spans="1:57" ht="6" customHeight="1" x14ac:dyDescent="0.15">
      <c r="A53" s="59"/>
      <c r="B53" s="59"/>
      <c r="C53" s="60"/>
      <c r="D53" s="61"/>
      <c r="E53" s="62"/>
      <c r="F53" s="63"/>
      <c r="G53" s="63"/>
      <c r="H53" s="63"/>
      <c r="I53" s="63"/>
      <c r="J53" s="63"/>
      <c r="K53" s="64"/>
      <c r="L53" s="65"/>
      <c r="M53" s="65"/>
      <c r="N53" s="65"/>
      <c r="O53" s="65"/>
      <c r="P53" s="65"/>
      <c r="Q53" s="66"/>
      <c r="R53" s="66"/>
      <c r="S53" s="66"/>
      <c r="T53" s="65"/>
      <c r="U53" s="65"/>
      <c r="V53" s="65"/>
      <c r="W53" s="65"/>
      <c r="X53" s="65"/>
      <c r="Y53" s="65"/>
      <c r="Z53" s="66"/>
      <c r="AA53" s="66"/>
      <c r="AB53" s="66"/>
      <c r="AC53" s="121"/>
      <c r="AD53" s="121"/>
      <c r="AE53" s="121"/>
      <c r="AF53" s="121"/>
      <c r="AG53" s="121"/>
      <c r="AH53" s="122"/>
      <c r="AI53" s="122"/>
      <c r="AJ53" s="122"/>
      <c r="AK53" s="122"/>
      <c r="AL53" s="121"/>
      <c r="AM53" s="121"/>
      <c r="AN53" s="121"/>
      <c r="AO53" s="121"/>
      <c r="AP53" s="121"/>
      <c r="AQ53" s="122"/>
      <c r="AR53" s="122"/>
      <c r="AS53" s="122"/>
      <c r="AT53" s="122"/>
    </row>
    <row r="54" spans="1:57" ht="18.75" customHeight="1" x14ac:dyDescent="0.15">
      <c r="A54" s="46"/>
      <c r="B54" s="507" t="s">
        <v>56</v>
      </c>
      <c r="C54" s="507"/>
      <c r="D54" s="507"/>
      <c r="E54" s="507"/>
      <c r="F54" s="507"/>
      <c r="G54" s="507"/>
      <c r="H54" s="507"/>
      <c r="I54" s="507"/>
      <c r="J54" s="47"/>
      <c r="K54" s="508">
        <v>456880</v>
      </c>
      <c r="L54" s="509"/>
      <c r="M54" s="509"/>
      <c r="N54" s="509"/>
      <c r="O54" s="509"/>
      <c r="P54" s="509"/>
      <c r="Q54" s="510">
        <v>0.2</v>
      </c>
      <c r="R54" s="510"/>
      <c r="S54" s="510"/>
      <c r="T54" s="509">
        <v>60166</v>
      </c>
      <c r="U54" s="509"/>
      <c r="V54" s="509"/>
      <c r="W54" s="509"/>
      <c r="X54" s="509"/>
      <c r="Y54" s="509"/>
      <c r="Z54" s="510">
        <v>13.2</v>
      </c>
      <c r="AA54" s="510"/>
      <c r="AB54" s="510"/>
      <c r="AC54" s="539">
        <v>1.03</v>
      </c>
      <c r="AD54" s="539"/>
      <c r="AE54" s="539"/>
      <c r="AF54" s="539"/>
      <c r="AG54" s="539"/>
      <c r="AH54" s="540">
        <v>-0.08</v>
      </c>
      <c r="AI54" s="540"/>
      <c r="AJ54" s="540"/>
      <c r="AK54" s="540"/>
      <c r="AL54" s="539">
        <v>0.95</v>
      </c>
      <c r="AM54" s="539"/>
      <c r="AN54" s="539"/>
      <c r="AO54" s="539"/>
      <c r="AP54" s="539"/>
      <c r="AQ54" s="540">
        <v>-0.34</v>
      </c>
      <c r="AR54" s="540"/>
      <c r="AS54" s="540"/>
      <c r="AT54" s="540"/>
      <c r="BE54" s="56"/>
    </row>
    <row r="55" spans="1:57" ht="6" customHeight="1" x14ac:dyDescent="0.15">
      <c r="B55" s="49"/>
      <c r="C55" s="21"/>
      <c r="D55" s="41"/>
      <c r="K55" s="50"/>
      <c r="L55" s="51"/>
      <c r="M55" s="51"/>
      <c r="N55" s="51"/>
      <c r="O55" s="51"/>
      <c r="P55" s="51"/>
      <c r="Q55" s="52"/>
      <c r="R55" s="52"/>
      <c r="S55" s="52"/>
      <c r="T55" s="51"/>
      <c r="U55" s="51"/>
      <c r="V55" s="51"/>
      <c r="W55" s="51"/>
      <c r="X55" s="51"/>
      <c r="Y55" s="51"/>
      <c r="Z55" s="52"/>
      <c r="AA55" s="52"/>
      <c r="AB55" s="52"/>
      <c r="AC55" s="119"/>
      <c r="AD55" s="119"/>
      <c r="AE55" s="119"/>
      <c r="AF55" s="119"/>
      <c r="AG55" s="119"/>
      <c r="AH55" s="120"/>
      <c r="AI55" s="120"/>
      <c r="AJ55" s="120"/>
      <c r="AK55" s="120"/>
      <c r="AL55" s="119"/>
      <c r="AM55" s="119"/>
      <c r="AN55" s="119"/>
      <c r="AO55" s="119"/>
      <c r="AP55" s="119"/>
      <c r="AQ55" s="120"/>
      <c r="AR55" s="120"/>
      <c r="AS55" s="120"/>
      <c r="AT55" s="120"/>
    </row>
    <row r="56" spans="1:57" ht="18.75" customHeight="1" x14ac:dyDescent="0.15">
      <c r="B56" s="513" t="s">
        <v>57</v>
      </c>
      <c r="C56" s="513"/>
      <c r="D56" s="513"/>
      <c r="E56" s="513"/>
      <c r="F56" s="513"/>
      <c r="G56" s="513"/>
      <c r="H56" s="513"/>
      <c r="I56" s="513"/>
      <c r="J56" s="49"/>
      <c r="K56" s="514">
        <v>652308</v>
      </c>
      <c r="L56" s="515"/>
      <c r="M56" s="515"/>
      <c r="N56" s="515"/>
      <c r="O56" s="515"/>
      <c r="P56" s="515"/>
      <c r="Q56" s="516">
        <v>1.7</v>
      </c>
      <c r="R56" s="516"/>
      <c r="S56" s="516"/>
      <c r="T56" s="515">
        <v>187145</v>
      </c>
      <c r="U56" s="515"/>
      <c r="V56" s="515"/>
      <c r="W56" s="515"/>
      <c r="X56" s="515"/>
      <c r="Y56" s="515"/>
      <c r="Z56" s="516">
        <v>28.7</v>
      </c>
      <c r="AA56" s="516"/>
      <c r="AB56" s="516"/>
      <c r="AC56" s="541">
        <v>1.46</v>
      </c>
      <c r="AD56" s="541"/>
      <c r="AE56" s="541"/>
      <c r="AF56" s="541"/>
      <c r="AG56" s="541"/>
      <c r="AH56" s="542">
        <v>0.31</v>
      </c>
      <c r="AI56" s="542"/>
      <c r="AJ56" s="542"/>
      <c r="AK56" s="542"/>
      <c r="AL56" s="541">
        <v>1.3</v>
      </c>
      <c r="AM56" s="541"/>
      <c r="AN56" s="541"/>
      <c r="AO56" s="541"/>
      <c r="AP56" s="541"/>
      <c r="AQ56" s="542">
        <v>0.11</v>
      </c>
      <c r="AR56" s="542"/>
      <c r="AS56" s="542"/>
      <c r="AT56" s="542"/>
      <c r="BE56" s="56"/>
    </row>
    <row r="57" spans="1:57" ht="6" customHeight="1" x14ac:dyDescent="0.15">
      <c r="B57" s="49"/>
      <c r="C57" s="21"/>
      <c r="D57" s="41"/>
      <c r="K57" s="50"/>
      <c r="L57" s="51"/>
      <c r="M57" s="51"/>
      <c r="N57" s="51"/>
      <c r="O57" s="51"/>
      <c r="P57" s="51"/>
      <c r="Q57" s="52"/>
      <c r="R57" s="52"/>
      <c r="S57" s="52"/>
      <c r="T57" s="51"/>
      <c r="U57" s="51"/>
      <c r="V57" s="51"/>
      <c r="W57" s="51"/>
      <c r="X57" s="51"/>
      <c r="Y57" s="51"/>
      <c r="Z57" s="52"/>
      <c r="AA57" s="52"/>
      <c r="AB57" s="52"/>
      <c r="AC57" s="119"/>
      <c r="AD57" s="119"/>
      <c r="AE57" s="119"/>
      <c r="AF57" s="119"/>
      <c r="AG57" s="119"/>
      <c r="AH57" s="120"/>
      <c r="AI57" s="120"/>
      <c r="AJ57" s="120"/>
      <c r="AK57" s="120"/>
      <c r="AL57" s="119"/>
      <c r="AM57" s="119"/>
      <c r="AN57" s="119"/>
      <c r="AO57" s="119"/>
      <c r="AP57" s="119"/>
      <c r="AQ57" s="120"/>
      <c r="AR57" s="120"/>
      <c r="AS57" s="120"/>
      <c r="AT57" s="120"/>
    </row>
    <row r="58" spans="1:57" ht="18.75" customHeight="1" x14ac:dyDescent="0.15">
      <c r="A58" s="46"/>
      <c r="B58" s="507" t="s">
        <v>58</v>
      </c>
      <c r="C58" s="507"/>
      <c r="D58" s="507"/>
      <c r="E58" s="507"/>
      <c r="F58" s="507"/>
      <c r="G58" s="507"/>
      <c r="H58" s="507"/>
      <c r="I58" s="507"/>
      <c r="J58" s="47"/>
      <c r="K58" s="508">
        <v>800957</v>
      </c>
      <c r="L58" s="509"/>
      <c r="M58" s="509"/>
      <c r="N58" s="509"/>
      <c r="O58" s="509"/>
      <c r="P58" s="509"/>
      <c r="Q58" s="510">
        <v>-3.2</v>
      </c>
      <c r="R58" s="510"/>
      <c r="S58" s="510"/>
      <c r="T58" s="509">
        <v>292999</v>
      </c>
      <c r="U58" s="509"/>
      <c r="V58" s="509"/>
      <c r="W58" s="509"/>
      <c r="X58" s="509"/>
      <c r="Y58" s="509"/>
      <c r="Z58" s="510">
        <v>36.6</v>
      </c>
      <c r="AA58" s="510"/>
      <c r="AB58" s="510"/>
      <c r="AC58" s="539">
        <v>1.19</v>
      </c>
      <c r="AD58" s="539"/>
      <c r="AE58" s="539"/>
      <c r="AF58" s="539"/>
      <c r="AG58" s="539"/>
      <c r="AH58" s="540">
        <v>-0.56000000000000005</v>
      </c>
      <c r="AI58" s="540"/>
      <c r="AJ58" s="540"/>
      <c r="AK58" s="540"/>
      <c r="AL58" s="539">
        <v>1.46</v>
      </c>
      <c r="AM58" s="539"/>
      <c r="AN58" s="539"/>
      <c r="AO58" s="539"/>
      <c r="AP58" s="539"/>
      <c r="AQ58" s="540">
        <v>0.18</v>
      </c>
      <c r="AR58" s="540"/>
      <c r="AS58" s="540"/>
      <c r="AT58" s="540"/>
      <c r="BE58" s="56"/>
    </row>
    <row r="59" spans="1:57" ht="6" customHeight="1" x14ac:dyDescent="0.15">
      <c r="B59" s="49"/>
      <c r="C59" s="21"/>
      <c r="D59" s="41"/>
      <c r="K59" s="50"/>
      <c r="L59" s="51"/>
      <c r="M59" s="51"/>
      <c r="N59" s="51"/>
      <c r="O59" s="51"/>
      <c r="P59" s="51"/>
      <c r="Q59" s="52"/>
      <c r="R59" s="52"/>
      <c r="S59" s="52"/>
      <c r="T59" s="51"/>
      <c r="U59" s="51"/>
      <c r="V59" s="51"/>
      <c r="W59" s="51"/>
      <c r="X59" s="51"/>
      <c r="Y59" s="51"/>
      <c r="Z59" s="52"/>
      <c r="AA59" s="52"/>
      <c r="AB59" s="52"/>
      <c r="AC59" s="119"/>
      <c r="AD59" s="119"/>
      <c r="AE59" s="119"/>
      <c r="AF59" s="119"/>
      <c r="AG59" s="119"/>
      <c r="AH59" s="120"/>
      <c r="AI59" s="120"/>
      <c r="AJ59" s="120"/>
      <c r="AK59" s="120"/>
      <c r="AL59" s="119"/>
      <c r="AM59" s="119"/>
      <c r="AN59" s="119"/>
      <c r="AO59" s="119"/>
      <c r="AP59" s="119"/>
      <c r="AQ59" s="120"/>
      <c r="AR59" s="120"/>
      <c r="AS59" s="120"/>
      <c r="AT59" s="120"/>
    </row>
    <row r="60" spans="1:57" ht="18.75" customHeight="1" x14ac:dyDescent="0.15">
      <c r="B60" s="513" t="s">
        <v>59</v>
      </c>
      <c r="C60" s="513"/>
      <c r="D60" s="513"/>
      <c r="E60" s="513"/>
      <c r="F60" s="513"/>
      <c r="G60" s="513"/>
      <c r="H60" s="513"/>
      <c r="I60" s="513"/>
      <c r="J60" s="49"/>
      <c r="K60" s="514">
        <v>1209906</v>
      </c>
      <c r="L60" s="515"/>
      <c r="M60" s="515"/>
      <c r="N60" s="515"/>
      <c r="O60" s="515"/>
      <c r="P60" s="515"/>
      <c r="Q60" s="516">
        <v>2.2999999999999998</v>
      </c>
      <c r="R60" s="516"/>
      <c r="S60" s="516"/>
      <c r="T60" s="515">
        <v>605646</v>
      </c>
      <c r="U60" s="515"/>
      <c r="V60" s="515"/>
      <c r="W60" s="515"/>
      <c r="X60" s="515"/>
      <c r="Y60" s="515"/>
      <c r="Z60" s="516">
        <v>50.1</v>
      </c>
      <c r="AA60" s="516"/>
      <c r="AB60" s="516"/>
      <c r="AC60" s="541">
        <v>2.54</v>
      </c>
      <c r="AD60" s="541"/>
      <c r="AE60" s="541"/>
      <c r="AF60" s="541"/>
      <c r="AG60" s="541"/>
      <c r="AH60" s="542">
        <v>0.42</v>
      </c>
      <c r="AI60" s="542"/>
      <c r="AJ60" s="542"/>
      <c r="AK60" s="542"/>
      <c r="AL60" s="541">
        <v>2.5299999999999998</v>
      </c>
      <c r="AM60" s="541"/>
      <c r="AN60" s="541"/>
      <c r="AO60" s="541"/>
      <c r="AP60" s="541"/>
      <c r="AQ60" s="542">
        <v>0.43</v>
      </c>
      <c r="AR60" s="542"/>
      <c r="AS60" s="542"/>
      <c r="AT60" s="542"/>
      <c r="BE60" s="115"/>
    </row>
    <row r="61" spans="1:57" ht="6" customHeight="1" thickBot="1" x14ac:dyDescent="0.2">
      <c r="A61" s="72"/>
      <c r="B61" s="72"/>
      <c r="C61" s="73"/>
      <c r="D61" s="74"/>
      <c r="E61" s="75"/>
      <c r="F61" s="76"/>
      <c r="G61" s="76"/>
      <c r="H61" s="76"/>
      <c r="I61" s="76"/>
      <c r="J61" s="76"/>
      <c r="K61" s="123"/>
      <c r="L61" s="76"/>
      <c r="M61" s="76"/>
      <c r="N61" s="78"/>
      <c r="O61" s="78"/>
      <c r="P61" s="78"/>
      <c r="Q61" s="78"/>
      <c r="R61" s="78"/>
      <c r="S61" s="78"/>
      <c r="T61" s="78"/>
      <c r="U61" s="78"/>
      <c r="V61" s="78"/>
      <c r="W61" s="78"/>
      <c r="X61" s="78"/>
      <c r="Y61" s="78"/>
      <c r="Z61" s="78"/>
      <c r="AA61" s="78"/>
      <c r="AB61" s="78"/>
      <c r="AC61" s="78"/>
      <c r="AD61" s="78"/>
      <c r="AE61" s="78"/>
      <c r="AF61" s="78"/>
      <c r="AG61" s="78"/>
      <c r="AH61" s="78"/>
      <c r="AI61" s="78"/>
      <c r="AJ61" s="78"/>
      <c r="AK61" s="78"/>
      <c r="AL61" s="78"/>
      <c r="AM61" s="78"/>
      <c r="AN61" s="78"/>
      <c r="AO61" s="78"/>
      <c r="AP61" s="78"/>
      <c r="AQ61" s="78"/>
      <c r="AR61" s="78"/>
      <c r="AS61" s="78"/>
      <c r="AT61" s="82"/>
      <c r="AU61" s="35"/>
      <c r="AV61" s="35"/>
      <c r="AW61" s="35"/>
      <c r="AX61" s="35"/>
    </row>
    <row r="62" spans="1:57" ht="10.5" customHeight="1" x14ac:dyDescent="0.15">
      <c r="A62" s="35"/>
      <c r="B62" s="35"/>
      <c r="C62" s="35"/>
      <c r="E62" s="124"/>
      <c r="F62" s="36"/>
      <c r="G62" s="36"/>
      <c r="H62" s="36"/>
      <c r="I62" s="124"/>
      <c r="J62" s="124"/>
      <c r="K62" s="125"/>
      <c r="L62" s="125"/>
      <c r="M62" s="125"/>
    </row>
    <row r="65" spans="1:10" x14ac:dyDescent="0.15">
      <c r="D65" s="115"/>
      <c r="E65" s="126"/>
      <c r="F65" s="115"/>
      <c r="G65" s="115"/>
      <c r="H65" s="115"/>
      <c r="I65" s="127"/>
      <c r="J65" s="127"/>
    </row>
    <row r="70" spans="1:10" x14ac:dyDescent="0.15">
      <c r="A70" s="84"/>
      <c r="B70" s="84"/>
      <c r="C70" s="84"/>
    </row>
    <row r="71" spans="1:10" x14ac:dyDescent="0.15">
      <c r="A71" s="84"/>
      <c r="B71" s="84"/>
      <c r="C71" s="84"/>
    </row>
    <row r="72" spans="1:10" x14ac:dyDescent="0.15">
      <c r="A72" s="84"/>
      <c r="B72" s="84"/>
      <c r="C72" s="84"/>
    </row>
    <row r="73" spans="1:10" x14ac:dyDescent="0.15">
      <c r="A73" s="84"/>
      <c r="B73" s="84"/>
      <c r="C73" s="84"/>
    </row>
    <row r="74" spans="1:10" x14ac:dyDescent="0.15">
      <c r="A74" s="84"/>
      <c r="B74" s="84"/>
      <c r="C74" s="84"/>
    </row>
    <row r="75" spans="1:10" x14ac:dyDescent="0.15">
      <c r="A75" s="84"/>
      <c r="B75" s="84"/>
      <c r="C75" s="84"/>
    </row>
    <row r="76" spans="1:10" x14ac:dyDescent="0.15">
      <c r="A76" s="84"/>
      <c r="B76" s="84"/>
      <c r="C76" s="84"/>
    </row>
  </sheetData>
  <mergeCells count="189">
    <mergeCell ref="AH60:AK60"/>
    <mergeCell ref="AL60:AP60"/>
    <mergeCell ref="AQ60:AT60"/>
    <mergeCell ref="B60:I60"/>
    <mergeCell ref="K60:P60"/>
    <mergeCell ref="Q60:S60"/>
    <mergeCell ref="T60:Y60"/>
    <mergeCell ref="Z60:AB60"/>
    <mergeCell ref="AC60:AG60"/>
    <mergeCell ref="B58:I58"/>
    <mergeCell ref="K58:P58"/>
    <mergeCell ref="Q58:S58"/>
    <mergeCell ref="T58:Y58"/>
    <mergeCell ref="Z58:AB58"/>
    <mergeCell ref="AC58:AG58"/>
    <mergeCell ref="AH58:AK58"/>
    <mergeCell ref="AL58:AP58"/>
    <mergeCell ref="AQ58:AT58"/>
    <mergeCell ref="B56:I56"/>
    <mergeCell ref="K56:P56"/>
    <mergeCell ref="Q56:S56"/>
    <mergeCell ref="T56:Y56"/>
    <mergeCell ref="Z56:AB56"/>
    <mergeCell ref="AC56:AG56"/>
    <mergeCell ref="AH56:AK56"/>
    <mergeCell ref="AL56:AP56"/>
    <mergeCell ref="AQ56:AT56"/>
    <mergeCell ref="B54:I54"/>
    <mergeCell ref="K54:P54"/>
    <mergeCell ref="Q54:S54"/>
    <mergeCell ref="T54:Y54"/>
    <mergeCell ref="Z54:AB54"/>
    <mergeCell ref="AC54:AG54"/>
    <mergeCell ref="AH54:AK54"/>
    <mergeCell ref="AL54:AP54"/>
    <mergeCell ref="AQ54:AT54"/>
    <mergeCell ref="AQ49:AT49"/>
    <mergeCell ref="B51:I51"/>
    <mergeCell ref="K51:P51"/>
    <mergeCell ref="Q51:S51"/>
    <mergeCell ref="T51:Y51"/>
    <mergeCell ref="Z51:AB51"/>
    <mergeCell ref="AC51:AG51"/>
    <mergeCell ref="AH51:AK51"/>
    <mergeCell ref="AL51:AP51"/>
    <mergeCell ref="AQ51:AT51"/>
    <mergeCell ref="X48:Y48"/>
    <mergeCell ref="B49:I49"/>
    <mergeCell ref="K49:P49"/>
    <mergeCell ref="Q49:S49"/>
    <mergeCell ref="T49:Y49"/>
    <mergeCell ref="Z49:AB49"/>
    <mergeCell ref="AC49:AG49"/>
    <mergeCell ref="AH49:AK49"/>
    <mergeCell ref="AL49:AP49"/>
    <mergeCell ref="K44:S45"/>
    <mergeCell ref="AC44:AT44"/>
    <mergeCell ref="B45:I45"/>
    <mergeCell ref="T45:AB45"/>
    <mergeCell ref="AC45:AK45"/>
    <mergeCell ref="AL45:AT45"/>
    <mergeCell ref="O46:S46"/>
    <mergeCell ref="X46:AB46"/>
    <mergeCell ref="AG46:AK46"/>
    <mergeCell ref="AP46:AT46"/>
    <mergeCell ref="B39:I39"/>
    <mergeCell ref="K39:P39"/>
    <mergeCell ref="Q39:U39"/>
    <mergeCell ref="V39:Z39"/>
    <mergeCell ref="AA39:AE39"/>
    <mergeCell ref="AF39:AJ39"/>
    <mergeCell ref="AK39:AO39"/>
    <mergeCell ref="AP39:AT39"/>
    <mergeCell ref="B41:I41"/>
    <mergeCell ref="K41:P41"/>
    <mergeCell ref="Q41:U41"/>
    <mergeCell ref="V41:Z41"/>
    <mergeCell ref="AA41:AE41"/>
    <mergeCell ref="AF41:AJ41"/>
    <mergeCell ref="AK41:AO41"/>
    <mergeCell ref="AP41:AT41"/>
    <mergeCell ref="B35:I35"/>
    <mergeCell ref="K35:P35"/>
    <mergeCell ref="Q35:U35"/>
    <mergeCell ref="V35:Z35"/>
    <mergeCell ref="AA35:AE35"/>
    <mergeCell ref="AF35:AJ35"/>
    <mergeCell ref="AK35:AO35"/>
    <mergeCell ref="AP35:AT35"/>
    <mergeCell ref="B37:I37"/>
    <mergeCell ref="K37:P37"/>
    <mergeCell ref="Q37:U37"/>
    <mergeCell ref="V37:Z37"/>
    <mergeCell ref="AA37:AE37"/>
    <mergeCell ref="AF37:AJ37"/>
    <mergeCell ref="AK37:AO37"/>
    <mergeCell ref="AP37:AT37"/>
    <mergeCell ref="B30:I30"/>
    <mergeCell ref="K30:P30"/>
    <mergeCell ref="Q30:U30"/>
    <mergeCell ref="V30:Z30"/>
    <mergeCell ref="AA30:AE30"/>
    <mergeCell ref="AF30:AJ30"/>
    <mergeCell ref="AK30:AO30"/>
    <mergeCell ref="AP30:AT30"/>
    <mergeCell ref="B32:I32"/>
    <mergeCell ref="K32:P32"/>
    <mergeCell ref="Q32:U32"/>
    <mergeCell ref="V32:Z32"/>
    <mergeCell ref="AA32:AE32"/>
    <mergeCell ref="AF32:AJ32"/>
    <mergeCell ref="AK32:AO32"/>
    <mergeCell ref="AP32:AT32"/>
    <mergeCell ref="K25:P27"/>
    <mergeCell ref="Q25:Z26"/>
    <mergeCell ref="B26:I26"/>
    <mergeCell ref="AA26:AJ26"/>
    <mergeCell ref="AK26:AT26"/>
    <mergeCell ref="V27:Z27"/>
    <mergeCell ref="AF27:AJ27"/>
    <mergeCell ref="AP27:AT27"/>
    <mergeCell ref="T29:U29"/>
    <mergeCell ref="AD29:AE29"/>
    <mergeCell ref="AN29:AO29"/>
    <mergeCell ref="B22:I22"/>
    <mergeCell ref="K22:P22"/>
    <mergeCell ref="Q22:S22"/>
    <mergeCell ref="T22:X22"/>
    <mergeCell ref="Y22:AA22"/>
    <mergeCell ref="AB22:AF22"/>
    <mergeCell ref="AG22:AI22"/>
    <mergeCell ref="AJ22:AN22"/>
    <mergeCell ref="AO22:AT22"/>
    <mergeCell ref="B20:I20"/>
    <mergeCell ref="K20:P20"/>
    <mergeCell ref="Q20:S20"/>
    <mergeCell ref="T20:X20"/>
    <mergeCell ref="Y20:AA20"/>
    <mergeCell ref="AB20:AF20"/>
    <mergeCell ref="AG20:AI20"/>
    <mergeCell ref="AJ20:AN20"/>
    <mergeCell ref="AO20:AT20"/>
    <mergeCell ref="B18:I18"/>
    <mergeCell ref="K18:P18"/>
    <mergeCell ref="Q18:S18"/>
    <mergeCell ref="T18:X18"/>
    <mergeCell ref="Y18:AA18"/>
    <mergeCell ref="AB18:AF18"/>
    <mergeCell ref="AG18:AI18"/>
    <mergeCell ref="AJ18:AN18"/>
    <mergeCell ref="AO18:AT18"/>
    <mergeCell ref="B16:I16"/>
    <mergeCell ref="K16:P16"/>
    <mergeCell ref="Q16:S16"/>
    <mergeCell ref="T16:X16"/>
    <mergeCell ref="Y16:AA16"/>
    <mergeCell ref="AB16:AF16"/>
    <mergeCell ref="AG16:AI16"/>
    <mergeCell ref="AJ16:AN16"/>
    <mergeCell ref="AO16:AT16"/>
    <mergeCell ref="B13:I13"/>
    <mergeCell ref="K13:P13"/>
    <mergeCell ref="Q13:S13"/>
    <mergeCell ref="T13:X13"/>
    <mergeCell ref="Y13:AA13"/>
    <mergeCell ref="AB13:AF13"/>
    <mergeCell ref="AG13:AI13"/>
    <mergeCell ref="AJ13:AN13"/>
    <mergeCell ref="AO13:AT13"/>
    <mergeCell ref="B11:I11"/>
    <mergeCell ref="K11:P11"/>
    <mergeCell ref="Q11:S11"/>
    <mergeCell ref="T11:X11"/>
    <mergeCell ref="Y11:AA11"/>
    <mergeCell ref="AB11:AF11"/>
    <mergeCell ref="AG11:AI11"/>
    <mergeCell ref="AJ11:AN11"/>
    <mergeCell ref="AO11:AT11"/>
    <mergeCell ref="A1:J1"/>
    <mergeCell ref="A3:AT3"/>
    <mergeCell ref="K5:S7"/>
    <mergeCell ref="B6:I7"/>
    <mergeCell ref="T6:AA7"/>
    <mergeCell ref="AO6:AT7"/>
    <mergeCell ref="AB7:AI7"/>
    <mergeCell ref="AJ7:AN7"/>
    <mergeCell ref="P8:S8"/>
    <mergeCell ref="X8:AA8"/>
    <mergeCell ref="AF8:AI8"/>
  </mergeCells>
  <phoneticPr fontId="3"/>
  <printOptions horizontalCentered="1"/>
  <pageMargins left="0.59055118110236227" right="0.59055118110236227" top="0.39370078740157483" bottom="0.59055118110236227" header="0" footer="0.19685039370078741"/>
  <pageSetup paperSize="9" scale="96" orientation="portrait" errors="blank" r:id="rId1"/>
  <headerFooter alignWithMargins="0">
    <oddFooter>&amp;C&amp;"HGPｺﾞｼｯｸM,ﾒﾃﾞｨｳﾑ"- 7 -</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635254-8EF0-4C58-9E26-A4BB655F228D}">
  <sheetPr codeName="Sheet16">
    <tabColor indexed="52"/>
  </sheetPr>
  <dimension ref="A1:AK50"/>
  <sheetViews>
    <sheetView view="pageBreakPreview" zoomScaleNormal="85" zoomScaleSheetLayoutView="100" workbookViewId="0">
      <selection sqref="A1:A50"/>
    </sheetView>
  </sheetViews>
  <sheetFormatPr defaultRowHeight="13.5" x14ac:dyDescent="0.15"/>
  <cols>
    <col min="1" max="1" width="4.375" style="9" customWidth="1"/>
    <col min="2" max="2" width="2.5" style="9" customWidth="1"/>
    <col min="3" max="3" width="6.625" style="38" customWidth="1"/>
    <col min="4" max="4" width="3.875" style="38" customWidth="1"/>
    <col min="5" max="32" width="4.875" style="38" customWidth="1"/>
    <col min="33" max="33" width="5.375" style="38" customWidth="1"/>
    <col min="34" max="34" width="5" style="38" customWidth="1"/>
    <col min="35" max="36" width="4.875" style="38" customWidth="1"/>
    <col min="37" max="37" width="9" style="38"/>
  </cols>
  <sheetData>
    <row r="1" spans="1:37" ht="18.75" customHeight="1" x14ac:dyDescent="0.15">
      <c r="A1" s="547" t="s">
        <v>180</v>
      </c>
      <c r="B1" s="10" t="s">
        <v>181</v>
      </c>
      <c r="D1" s="323"/>
      <c r="E1" s="323"/>
      <c r="F1" s="323"/>
      <c r="G1" s="323"/>
      <c r="H1" s="323"/>
      <c r="I1" s="323"/>
      <c r="J1" s="323"/>
      <c r="K1" s="323"/>
      <c r="L1" s="150"/>
      <c r="M1" s="150"/>
      <c r="N1" s="150"/>
      <c r="O1" s="323"/>
      <c r="P1" s="323"/>
      <c r="Q1" s="324"/>
      <c r="R1" s="323"/>
      <c r="S1" s="323"/>
      <c r="T1" s="323"/>
      <c r="U1" s="323"/>
      <c r="V1" s="323"/>
      <c r="W1" s="323"/>
      <c r="X1" s="323"/>
      <c r="Y1" s="323"/>
      <c r="Z1" s="323"/>
      <c r="AA1" s="323"/>
      <c r="AB1" s="323"/>
      <c r="AC1" s="323"/>
      <c r="AD1" s="323"/>
      <c r="AE1" s="323"/>
      <c r="AF1" s="549" t="s">
        <v>182</v>
      </c>
      <c r="AG1" s="549"/>
      <c r="AH1" s="549"/>
      <c r="AI1" s="549"/>
      <c r="AJ1" s="549"/>
    </row>
    <row r="2" spans="1:37" s="326" customFormat="1" ht="3.75" customHeight="1" thickBot="1" x14ac:dyDescent="0.2">
      <c r="A2" s="547"/>
      <c r="B2" s="128"/>
      <c r="C2" s="130"/>
      <c r="D2" s="130"/>
      <c r="E2" s="130"/>
      <c r="F2" s="130"/>
      <c r="G2" s="130"/>
      <c r="H2" s="586"/>
      <c r="I2" s="586"/>
      <c r="J2" s="586"/>
      <c r="K2" s="586"/>
      <c r="L2" s="586"/>
      <c r="M2" s="130"/>
      <c r="N2" s="130"/>
      <c r="O2" s="130"/>
      <c r="P2" s="586"/>
      <c r="Q2" s="586"/>
      <c r="R2" s="586"/>
      <c r="S2" s="586"/>
      <c r="T2" s="586"/>
      <c r="U2" s="130"/>
      <c r="V2" s="130"/>
      <c r="W2" s="130"/>
      <c r="X2" s="129"/>
      <c r="Y2" s="129"/>
      <c r="Z2" s="129"/>
      <c r="AA2" s="129"/>
      <c r="AB2" s="129"/>
      <c r="AC2" s="129"/>
      <c r="AD2" s="129"/>
      <c r="AE2" s="129"/>
      <c r="AF2" s="325"/>
      <c r="AG2" s="325"/>
      <c r="AH2" s="325"/>
      <c r="AI2" s="325"/>
      <c r="AJ2" s="325"/>
      <c r="AK2" s="129"/>
    </row>
    <row r="3" spans="1:37" s="326" customFormat="1" ht="6" customHeight="1" x14ac:dyDescent="0.15">
      <c r="A3" s="547"/>
      <c r="B3" s="327"/>
      <c r="C3" s="601"/>
      <c r="D3" s="60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29"/>
    </row>
    <row r="4" spans="1:37" s="326" customFormat="1" ht="10.5" customHeight="1" x14ac:dyDescent="0.15">
      <c r="A4" s="547"/>
      <c r="B4" s="128"/>
      <c r="C4" s="603"/>
      <c r="D4" s="604"/>
      <c r="E4" s="588" t="s">
        <v>90</v>
      </c>
      <c r="F4" s="607"/>
      <c r="G4" s="608" t="s">
        <v>1</v>
      </c>
      <c r="H4" s="589"/>
      <c r="I4" s="588" t="s">
        <v>2</v>
      </c>
      <c r="J4" s="589"/>
      <c r="K4" s="588" t="s">
        <v>183</v>
      </c>
      <c r="L4" s="589"/>
      <c r="M4" s="588" t="s">
        <v>184</v>
      </c>
      <c r="N4" s="590"/>
      <c r="O4" s="588" t="s">
        <v>185</v>
      </c>
      <c r="P4" s="590"/>
      <c r="Q4" s="588" t="s">
        <v>186</v>
      </c>
      <c r="R4" s="590"/>
      <c r="S4" s="588" t="s">
        <v>187</v>
      </c>
      <c r="T4" s="590"/>
      <c r="U4" s="588" t="s">
        <v>188</v>
      </c>
      <c r="V4" s="590"/>
      <c r="W4" s="591" t="s">
        <v>189</v>
      </c>
      <c r="X4" s="592"/>
      <c r="Y4" s="588" t="s">
        <v>190</v>
      </c>
      <c r="Z4" s="593"/>
      <c r="AA4" s="591" t="s">
        <v>191</v>
      </c>
      <c r="AB4" s="592"/>
      <c r="AC4" s="588" t="s">
        <v>192</v>
      </c>
      <c r="AD4" s="593"/>
      <c r="AE4" s="588" t="s">
        <v>193</v>
      </c>
      <c r="AF4" s="593"/>
      <c r="AG4" s="588" t="s">
        <v>194</v>
      </c>
      <c r="AH4" s="593"/>
      <c r="AI4" s="588" t="s">
        <v>195</v>
      </c>
      <c r="AJ4" s="609"/>
      <c r="AK4" s="129"/>
    </row>
    <row r="5" spans="1:37" s="326" customFormat="1" ht="10.5" customHeight="1" x14ac:dyDescent="0.15">
      <c r="A5" s="547"/>
      <c r="B5" s="128"/>
      <c r="C5" s="603"/>
      <c r="D5" s="604"/>
      <c r="E5" s="332"/>
      <c r="F5" s="333"/>
      <c r="G5" s="334"/>
      <c r="H5" s="335"/>
      <c r="I5" s="332"/>
      <c r="J5" s="335"/>
      <c r="K5" s="591" t="s">
        <v>196</v>
      </c>
      <c r="L5" s="592"/>
      <c r="M5" s="610"/>
      <c r="N5" s="590"/>
      <c r="O5" s="611" t="s">
        <v>197</v>
      </c>
      <c r="P5" s="590"/>
      <c r="Q5" s="588" t="s">
        <v>198</v>
      </c>
      <c r="R5" s="590"/>
      <c r="S5" s="588" t="s">
        <v>199</v>
      </c>
      <c r="T5" s="590"/>
      <c r="U5" s="588" t="s">
        <v>200</v>
      </c>
      <c r="V5" s="590"/>
      <c r="W5" s="591" t="s">
        <v>201</v>
      </c>
      <c r="X5" s="592"/>
      <c r="Y5" s="591" t="s">
        <v>202</v>
      </c>
      <c r="Z5" s="592"/>
      <c r="AA5" s="588" t="s">
        <v>203</v>
      </c>
      <c r="AB5" s="590"/>
      <c r="AC5" s="588" t="s">
        <v>204</v>
      </c>
      <c r="AD5" s="593"/>
      <c r="AE5" s="588"/>
      <c r="AF5" s="590"/>
      <c r="AG5" s="588" t="s">
        <v>205</v>
      </c>
      <c r="AH5" s="590"/>
      <c r="AI5" s="588"/>
      <c r="AJ5" s="614"/>
      <c r="AK5" s="129"/>
    </row>
    <row r="6" spans="1:37" s="337" customFormat="1" ht="15" customHeight="1" x14ac:dyDescent="0.15">
      <c r="A6" s="547"/>
      <c r="B6" s="336"/>
      <c r="C6" s="603"/>
      <c r="D6" s="604"/>
      <c r="E6" s="612" t="s">
        <v>206</v>
      </c>
      <c r="F6" s="615"/>
      <c r="G6" s="616" t="s">
        <v>206</v>
      </c>
      <c r="H6" s="613"/>
      <c r="I6" s="612" t="s">
        <v>206</v>
      </c>
      <c r="J6" s="613"/>
      <c r="K6" s="612" t="s">
        <v>206</v>
      </c>
      <c r="L6" s="613"/>
      <c r="M6" s="612" t="s">
        <v>206</v>
      </c>
      <c r="N6" s="613"/>
      <c r="O6" s="612" t="s">
        <v>206</v>
      </c>
      <c r="P6" s="613"/>
      <c r="Q6" s="612" t="s">
        <v>206</v>
      </c>
      <c r="R6" s="613"/>
      <c r="S6" s="612" t="s">
        <v>206</v>
      </c>
      <c r="T6" s="613"/>
      <c r="U6" s="612" t="s">
        <v>206</v>
      </c>
      <c r="V6" s="613"/>
      <c r="W6" s="612" t="s">
        <v>206</v>
      </c>
      <c r="X6" s="613"/>
      <c r="Y6" s="612" t="s">
        <v>206</v>
      </c>
      <c r="Z6" s="613"/>
      <c r="AA6" s="612" t="s">
        <v>206</v>
      </c>
      <c r="AB6" s="613"/>
      <c r="AC6" s="612" t="s">
        <v>206</v>
      </c>
      <c r="AD6" s="613"/>
      <c r="AE6" s="612" t="s">
        <v>206</v>
      </c>
      <c r="AF6" s="613"/>
      <c r="AG6" s="612" t="s">
        <v>206</v>
      </c>
      <c r="AH6" s="613"/>
      <c r="AI6" s="612" t="s">
        <v>206</v>
      </c>
      <c r="AJ6" s="616"/>
      <c r="AK6" s="130"/>
    </row>
    <row r="7" spans="1:37" s="326" customFormat="1" ht="7.5" customHeight="1" x14ac:dyDescent="0.15">
      <c r="A7" s="547"/>
      <c r="B7" s="338"/>
      <c r="C7" s="605"/>
      <c r="D7" s="606"/>
      <c r="E7" s="339"/>
      <c r="F7" s="340" t="s">
        <v>165</v>
      </c>
      <c r="G7" s="341"/>
      <c r="H7" s="342" t="s">
        <v>165</v>
      </c>
      <c r="I7" s="339"/>
      <c r="J7" s="342" t="s">
        <v>165</v>
      </c>
      <c r="K7" s="339"/>
      <c r="L7" s="342" t="s">
        <v>165</v>
      </c>
      <c r="M7" s="339"/>
      <c r="N7" s="342" t="s">
        <v>165</v>
      </c>
      <c r="O7" s="339"/>
      <c r="P7" s="342" t="s">
        <v>165</v>
      </c>
      <c r="Q7" s="339"/>
      <c r="R7" s="342" t="s">
        <v>165</v>
      </c>
      <c r="S7" s="339"/>
      <c r="T7" s="342" t="s">
        <v>165</v>
      </c>
      <c r="U7" s="339"/>
      <c r="V7" s="342" t="s">
        <v>165</v>
      </c>
      <c r="W7" s="339"/>
      <c r="X7" s="342" t="s">
        <v>165</v>
      </c>
      <c r="Y7" s="339"/>
      <c r="Z7" s="342" t="s">
        <v>165</v>
      </c>
      <c r="AA7" s="339"/>
      <c r="AB7" s="342" t="s">
        <v>165</v>
      </c>
      <c r="AC7" s="339"/>
      <c r="AD7" s="342" t="s">
        <v>165</v>
      </c>
      <c r="AE7" s="339"/>
      <c r="AF7" s="342" t="s">
        <v>165</v>
      </c>
      <c r="AG7" s="339"/>
      <c r="AH7" s="342" t="s">
        <v>165</v>
      </c>
      <c r="AI7" s="339"/>
      <c r="AJ7" s="262" t="s">
        <v>165</v>
      </c>
      <c r="AK7" s="129"/>
    </row>
    <row r="8" spans="1:37" s="326" customFormat="1" ht="11.25" customHeight="1" x14ac:dyDescent="0.15">
      <c r="A8" s="547"/>
      <c r="B8" s="594" t="s">
        <v>207</v>
      </c>
      <c r="C8" s="343"/>
      <c r="D8" s="344"/>
      <c r="E8" s="345"/>
      <c r="F8" s="346"/>
      <c r="G8" s="345"/>
      <c r="H8" s="345"/>
      <c r="I8" s="345"/>
      <c r="J8" s="345"/>
      <c r="K8" s="345"/>
      <c r="L8" s="345"/>
      <c r="M8" s="345"/>
      <c r="N8" s="345"/>
      <c r="O8" s="345"/>
      <c r="P8" s="345"/>
      <c r="Q8" s="345"/>
      <c r="R8" s="345"/>
      <c r="S8" s="345"/>
      <c r="T8" s="345"/>
      <c r="U8" s="345"/>
      <c r="V8" s="345"/>
      <c r="W8" s="345"/>
      <c r="X8" s="345"/>
      <c r="Y8" s="345"/>
      <c r="Z8" s="345"/>
      <c r="AA8" s="345"/>
      <c r="AB8" s="345"/>
      <c r="AC8" s="345"/>
      <c r="AD8" s="345"/>
      <c r="AE8" s="345"/>
      <c r="AF8" s="345"/>
      <c r="AG8" s="345"/>
      <c r="AH8" s="345"/>
      <c r="AI8" s="345"/>
      <c r="AJ8" s="345"/>
      <c r="AK8" s="129"/>
    </row>
    <row r="9" spans="1:37" s="326" customFormat="1" ht="14.25" customHeight="1" x14ac:dyDescent="0.15">
      <c r="A9" s="547"/>
      <c r="B9" s="595"/>
      <c r="C9" s="347" t="s">
        <v>227</v>
      </c>
      <c r="D9" s="348" t="s">
        <v>228</v>
      </c>
      <c r="E9" s="349">
        <v>99.6</v>
      </c>
      <c r="F9" s="350">
        <v>-0.5</v>
      </c>
      <c r="G9" s="349">
        <v>102.6</v>
      </c>
      <c r="H9" s="349">
        <v>2.6</v>
      </c>
      <c r="I9" s="349">
        <v>103</v>
      </c>
      <c r="J9" s="349">
        <v>2.9</v>
      </c>
      <c r="K9" s="349">
        <v>100.4</v>
      </c>
      <c r="L9" s="349">
        <v>0.4</v>
      </c>
      <c r="M9" s="349">
        <v>104</v>
      </c>
      <c r="N9" s="349">
        <v>4</v>
      </c>
      <c r="O9" s="349">
        <v>91</v>
      </c>
      <c r="P9" s="349">
        <v>-9.1</v>
      </c>
      <c r="Q9" s="349">
        <v>95.9</v>
      </c>
      <c r="R9" s="349">
        <v>-4.2</v>
      </c>
      <c r="S9" s="349">
        <v>98</v>
      </c>
      <c r="T9" s="349">
        <v>-2</v>
      </c>
      <c r="U9" s="349">
        <v>113.4</v>
      </c>
      <c r="V9" s="349">
        <v>13.3</v>
      </c>
      <c r="W9" s="349">
        <v>98.6</v>
      </c>
      <c r="X9" s="349">
        <v>-1.4</v>
      </c>
      <c r="Y9" s="349">
        <v>109.5</v>
      </c>
      <c r="Z9" s="349">
        <v>9.6</v>
      </c>
      <c r="AA9" s="349">
        <v>111.5</v>
      </c>
      <c r="AB9" s="349">
        <v>11.4</v>
      </c>
      <c r="AC9" s="349">
        <v>103.7</v>
      </c>
      <c r="AD9" s="349">
        <v>3.7</v>
      </c>
      <c r="AE9" s="349">
        <v>93.8</v>
      </c>
      <c r="AF9" s="349">
        <v>-6.2</v>
      </c>
      <c r="AG9" s="349">
        <v>100.9</v>
      </c>
      <c r="AH9" s="349">
        <v>0.9</v>
      </c>
      <c r="AI9" s="349">
        <v>99.6</v>
      </c>
      <c r="AJ9" s="349">
        <v>-0.4</v>
      </c>
      <c r="AK9" s="129"/>
    </row>
    <row r="10" spans="1:37" s="326" customFormat="1" ht="14.25" customHeight="1" x14ac:dyDescent="0.15">
      <c r="A10" s="547"/>
      <c r="B10" s="595"/>
      <c r="C10" s="347" t="s">
        <v>227</v>
      </c>
      <c r="D10" s="348" t="s">
        <v>229</v>
      </c>
      <c r="E10" s="351">
        <v>99.5</v>
      </c>
      <c r="F10" s="352">
        <v>-0.1</v>
      </c>
      <c r="G10" s="351">
        <v>114.7</v>
      </c>
      <c r="H10" s="351">
        <v>11.8</v>
      </c>
      <c r="I10" s="351">
        <v>101.8</v>
      </c>
      <c r="J10" s="351">
        <v>-1.2</v>
      </c>
      <c r="K10" s="351">
        <v>98.5</v>
      </c>
      <c r="L10" s="351">
        <v>-1.9</v>
      </c>
      <c r="M10" s="351">
        <v>115.4</v>
      </c>
      <c r="N10" s="351">
        <v>11</v>
      </c>
      <c r="O10" s="351">
        <v>91.3</v>
      </c>
      <c r="P10" s="351">
        <v>0.3</v>
      </c>
      <c r="Q10" s="351">
        <v>96.4</v>
      </c>
      <c r="R10" s="351">
        <v>0.5</v>
      </c>
      <c r="S10" s="351">
        <v>99.4</v>
      </c>
      <c r="T10" s="351">
        <v>1.4</v>
      </c>
      <c r="U10" s="351">
        <v>120</v>
      </c>
      <c r="V10" s="351">
        <v>5.8</v>
      </c>
      <c r="W10" s="351">
        <v>106</v>
      </c>
      <c r="X10" s="351">
        <v>7.5</v>
      </c>
      <c r="Y10" s="351">
        <v>124.6</v>
      </c>
      <c r="Z10" s="351">
        <v>13.8</v>
      </c>
      <c r="AA10" s="351">
        <v>102.4</v>
      </c>
      <c r="AB10" s="351">
        <v>-8.1999999999999993</v>
      </c>
      <c r="AC10" s="351">
        <v>85.6</v>
      </c>
      <c r="AD10" s="351">
        <v>-17.5</v>
      </c>
      <c r="AE10" s="351">
        <v>100</v>
      </c>
      <c r="AF10" s="351">
        <v>6.6</v>
      </c>
      <c r="AG10" s="351">
        <v>95.7</v>
      </c>
      <c r="AH10" s="351">
        <v>-5.2</v>
      </c>
      <c r="AI10" s="351">
        <v>96.7</v>
      </c>
      <c r="AJ10" s="351">
        <v>-2.9</v>
      </c>
      <c r="AK10" s="129"/>
    </row>
    <row r="11" spans="1:37" s="326" customFormat="1" ht="14.25" customHeight="1" x14ac:dyDescent="0.15">
      <c r="A11" s="547"/>
      <c r="B11" s="595"/>
      <c r="C11" s="347" t="s">
        <v>227</v>
      </c>
      <c r="D11" s="348" t="s">
        <v>230</v>
      </c>
      <c r="E11" s="349">
        <v>102.7</v>
      </c>
      <c r="F11" s="350">
        <v>3.2</v>
      </c>
      <c r="G11" s="349">
        <v>115.4</v>
      </c>
      <c r="H11" s="349">
        <v>0.6</v>
      </c>
      <c r="I11" s="349">
        <v>112.4</v>
      </c>
      <c r="J11" s="349">
        <v>10.4</v>
      </c>
      <c r="K11" s="349">
        <v>95.9</v>
      </c>
      <c r="L11" s="349">
        <v>-2.6</v>
      </c>
      <c r="M11" s="349">
        <v>118.2</v>
      </c>
      <c r="N11" s="349">
        <v>2.4</v>
      </c>
      <c r="O11" s="349">
        <v>95.3</v>
      </c>
      <c r="P11" s="349">
        <v>4.4000000000000004</v>
      </c>
      <c r="Q11" s="349">
        <v>102.3</v>
      </c>
      <c r="R11" s="349">
        <v>6.1</v>
      </c>
      <c r="S11" s="349">
        <v>95</v>
      </c>
      <c r="T11" s="349">
        <v>-4.4000000000000004</v>
      </c>
      <c r="U11" s="349">
        <v>126.8</v>
      </c>
      <c r="V11" s="349">
        <v>5.7</v>
      </c>
      <c r="W11" s="349">
        <v>105.1</v>
      </c>
      <c r="X11" s="349">
        <v>-0.8</v>
      </c>
      <c r="Y11" s="349">
        <v>137.9</v>
      </c>
      <c r="Z11" s="349">
        <v>10.7</v>
      </c>
      <c r="AA11" s="349">
        <v>107.5</v>
      </c>
      <c r="AB11" s="349">
        <v>5</v>
      </c>
      <c r="AC11" s="349">
        <v>90.6</v>
      </c>
      <c r="AD11" s="349">
        <v>5.8</v>
      </c>
      <c r="AE11" s="349">
        <v>100.4</v>
      </c>
      <c r="AF11" s="349">
        <v>0.4</v>
      </c>
      <c r="AG11" s="349">
        <v>98.3</v>
      </c>
      <c r="AH11" s="349">
        <v>2.7</v>
      </c>
      <c r="AI11" s="349">
        <v>95</v>
      </c>
      <c r="AJ11" s="349">
        <v>-1.8</v>
      </c>
      <c r="AK11" s="129"/>
    </row>
    <row r="12" spans="1:37" s="326" customFormat="1" ht="14.25" customHeight="1" x14ac:dyDescent="0.15">
      <c r="A12" s="547"/>
      <c r="B12" s="595"/>
      <c r="C12" s="347" t="s">
        <v>227</v>
      </c>
      <c r="D12" s="348" t="s">
        <v>231</v>
      </c>
      <c r="E12" s="351">
        <v>106.7</v>
      </c>
      <c r="F12" s="352">
        <v>2</v>
      </c>
      <c r="G12" s="351">
        <v>128.5</v>
      </c>
      <c r="H12" s="351">
        <v>10.199999999999999</v>
      </c>
      <c r="I12" s="351">
        <v>112.7</v>
      </c>
      <c r="J12" s="351">
        <v>-0.3</v>
      </c>
      <c r="K12" s="351">
        <v>107.9</v>
      </c>
      <c r="L12" s="351">
        <v>12.4</v>
      </c>
      <c r="M12" s="351">
        <v>118.2</v>
      </c>
      <c r="N12" s="351">
        <v>-0.5</v>
      </c>
      <c r="O12" s="351">
        <v>96.6</v>
      </c>
      <c r="P12" s="351">
        <v>2</v>
      </c>
      <c r="Q12" s="351">
        <v>95.1</v>
      </c>
      <c r="R12" s="351">
        <v>-6.6</v>
      </c>
      <c r="S12" s="351">
        <v>100.9</v>
      </c>
      <c r="T12" s="351">
        <v>5.8</v>
      </c>
      <c r="U12" s="351">
        <v>110.7</v>
      </c>
      <c r="V12" s="351">
        <v>-10.1</v>
      </c>
      <c r="W12" s="351">
        <v>114.9</v>
      </c>
      <c r="X12" s="351">
        <v>5.8</v>
      </c>
      <c r="Y12" s="351">
        <v>118.4</v>
      </c>
      <c r="Z12" s="351">
        <v>-11.6</v>
      </c>
      <c r="AA12" s="351">
        <v>110.5</v>
      </c>
      <c r="AB12" s="351">
        <v>4</v>
      </c>
      <c r="AC12" s="351">
        <v>100.5</v>
      </c>
      <c r="AD12" s="351">
        <v>3</v>
      </c>
      <c r="AE12" s="351">
        <v>109.3</v>
      </c>
      <c r="AF12" s="351">
        <v>8.9</v>
      </c>
      <c r="AG12" s="351">
        <v>106.7</v>
      </c>
      <c r="AH12" s="351">
        <v>9</v>
      </c>
      <c r="AI12" s="351">
        <v>106.7</v>
      </c>
      <c r="AJ12" s="351">
        <v>12.1</v>
      </c>
      <c r="AK12" s="129"/>
    </row>
    <row r="13" spans="1:37" s="326" customFormat="1" ht="14.25" customHeight="1" x14ac:dyDescent="0.15">
      <c r="A13" s="547"/>
      <c r="B13" s="59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29"/>
    </row>
    <row r="14" spans="1:37" s="326" customFormat="1" ht="15" customHeight="1" x14ac:dyDescent="0.15">
      <c r="A14" s="547"/>
      <c r="B14" s="595"/>
      <c r="C14" s="347" t="s">
        <v>208</v>
      </c>
      <c r="D14" s="348" t="s">
        <v>232</v>
      </c>
      <c r="E14" s="349">
        <v>93.6</v>
      </c>
      <c r="F14" s="350">
        <v>1.2</v>
      </c>
      <c r="G14" s="349">
        <v>121.7</v>
      </c>
      <c r="H14" s="349">
        <v>6</v>
      </c>
      <c r="I14" s="349">
        <v>95.8</v>
      </c>
      <c r="J14" s="349">
        <v>-1.8</v>
      </c>
      <c r="K14" s="349">
        <v>91.3</v>
      </c>
      <c r="L14" s="349">
        <v>11.9</v>
      </c>
      <c r="M14" s="349">
        <v>87.4</v>
      </c>
      <c r="N14" s="349">
        <v>-5.2</v>
      </c>
      <c r="O14" s="349">
        <v>86.3</v>
      </c>
      <c r="P14" s="349">
        <v>-9.6999999999999993</v>
      </c>
      <c r="Q14" s="349">
        <v>84.7</v>
      </c>
      <c r="R14" s="349">
        <v>-9.5</v>
      </c>
      <c r="S14" s="349">
        <v>88.8</v>
      </c>
      <c r="T14" s="349">
        <v>14.4</v>
      </c>
      <c r="U14" s="349">
        <v>85.4</v>
      </c>
      <c r="V14" s="349">
        <v>-8.1999999999999993</v>
      </c>
      <c r="W14" s="349">
        <v>94.2</v>
      </c>
      <c r="X14" s="349">
        <v>5.0999999999999996</v>
      </c>
      <c r="Y14" s="349">
        <v>113.5</v>
      </c>
      <c r="Z14" s="349">
        <v>1.7</v>
      </c>
      <c r="AA14" s="349">
        <v>105.1</v>
      </c>
      <c r="AB14" s="349">
        <v>3.9</v>
      </c>
      <c r="AC14" s="349">
        <v>76.7</v>
      </c>
      <c r="AD14" s="349">
        <v>2.5</v>
      </c>
      <c r="AE14" s="349">
        <v>107.2</v>
      </c>
      <c r="AF14" s="349">
        <v>11.3</v>
      </c>
      <c r="AG14" s="349">
        <v>90.4</v>
      </c>
      <c r="AH14" s="349">
        <v>18.3</v>
      </c>
      <c r="AI14" s="349">
        <v>92.4</v>
      </c>
      <c r="AJ14" s="349">
        <v>9.1999999999999993</v>
      </c>
      <c r="AK14" s="129"/>
    </row>
    <row r="15" spans="1:37" s="326" customFormat="1" ht="15" customHeight="1" x14ac:dyDescent="0.15">
      <c r="A15" s="547"/>
      <c r="B15" s="595"/>
      <c r="C15" s="347" t="s">
        <v>0</v>
      </c>
      <c r="D15" s="348" t="s">
        <v>233</v>
      </c>
      <c r="E15" s="351">
        <v>190.6</v>
      </c>
      <c r="F15" s="352">
        <v>4.2</v>
      </c>
      <c r="G15" s="351">
        <v>216.4</v>
      </c>
      <c r="H15" s="351">
        <v>19.100000000000001</v>
      </c>
      <c r="I15" s="351">
        <v>223.3</v>
      </c>
      <c r="J15" s="351">
        <v>1.9</v>
      </c>
      <c r="K15" s="351">
        <v>201.1</v>
      </c>
      <c r="L15" s="351">
        <v>9.6999999999999993</v>
      </c>
      <c r="M15" s="351">
        <v>255.5</v>
      </c>
      <c r="N15" s="351">
        <v>-6.6</v>
      </c>
      <c r="O15" s="351">
        <v>155.69999999999999</v>
      </c>
      <c r="P15" s="351">
        <v>7.2</v>
      </c>
      <c r="Q15" s="351">
        <v>145.1</v>
      </c>
      <c r="R15" s="351">
        <v>-15</v>
      </c>
      <c r="S15" s="351">
        <v>217.7</v>
      </c>
      <c r="T15" s="351">
        <v>16.2</v>
      </c>
      <c r="U15" s="351">
        <v>226.6</v>
      </c>
      <c r="V15" s="351">
        <v>-16.399999999999999</v>
      </c>
      <c r="W15" s="351">
        <v>235.9</v>
      </c>
      <c r="X15" s="351">
        <v>11.1</v>
      </c>
      <c r="Y15" s="351">
        <v>139.30000000000001</v>
      </c>
      <c r="Z15" s="351">
        <v>-20</v>
      </c>
      <c r="AA15" s="351">
        <v>178.2</v>
      </c>
      <c r="AB15" s="351">
        <v>21.2</v>
      </c>
      <c r="AC15" s="351">
        <v>235.9</v>
      </c>
      <c r="AD15" s="351">
        <v>16.2</v>
      </c>
      <c r="AE15" s="351">
        <v>167.7</v>
      </c>
      <c r="AF15" s="351">
        <v>8.4</v>
      </c>
      <c r="AG15" s="351">
        <v>218</v>
      </c>
      <c r="AH15" s="351">
        <v>13.8</v>
      </c>
      <c r="AI15" s="351">
        <v>175</v>
      </c>
      <c r="AJ15" s="351">
        <v>21.4</v>
      </c>
      <c r="AK15" s="129"/>
    </row>
    <row r="16" spans="1:37" s="326" customFormat="1" ht="15" customHeight="1" x14ac:dyDescent="0.15">
      <c r="A16" s="547"/>
      <c r="B16" s="595"/>
      <c r="C16" s="347" t="s">
        <v>234</v>
      </c>
      <c r="D16" s="348" t="s">
        <v>235</v>
      </c>
      <c r="E16" s="349">
        <v>87.7</v>
      </c>
      <c r="F16" s="350">
        <v>0.6</v>
      </c>
      <c r="G16" s="349">
        <v>95</v>
      </c>
      <c r="H16" s="349">
        <v>-10.9</v>
      </c>
      <c r="I16" s="349">
        <v>90.5</v>
      </c>
      <c r="J16" s="349">
        <v>2</v>
      </c>
      <c r="K16" s="349">
        <v>78.900000000000006</v>
      </c>
      <c r="L16" s="349">
        <v>-9.1999999999999993</v>
      </c>
      <c r="M16" s="349">
        <v>92.3</v>
      </c>
      <c r="N16" s="349">
        <v>7.1</v>
      </c>
      <c r="O16" s="349">
        <v>83.1</v>
      </c>
      <c r="P16" s="349">
        <v>0.7</v>
      </c>
      <c r="Q16" s="349">
        <v>79.7</v>
      </c>
      <c r="R16" s="349">
        <v>0.1</v>
      </c>
      <c r="S16" s="349">
        <v>90.9</v>
      </c>
      <c r="T16" s="349">
        <v>24.9</v>
      </c>
      <c r="U16" s="349">
        <v>93.4</v>
      </c>
      <c r="V16" s="349">
        <v>9</v>
      </c>
      <c r="W16" s="349">
        <v>81.2</v>
      </c>
      <c r="X16" s="349">
        <v>-1</v>
      </c>
      <c r="Y16" s="349">
        <v>114</v>
      </c>
      <c r="Z16" s="349">
        <v>-1</v>
      </c>
      <c r="AA16" s="349">
        <v>98.6</v>
      </c>
      <c r="AB16" s="349">
        <v>-9.1</v>
      </c>
      <c r="AC16" s="349">
        <v>82.9</v>
      </c>
      <c r="AD16" s="349">
        <v>9.4</v>
      </c>
      <c r="AE16" s="349">
        <v>92.4</v>
      </c>
      <c r="AF16" s="349">
        <v>-4.8</v>
      </c>
      <c r="AG16" s="349">
        <v>83.5</v>
      </c>
      <c r="AH16" s="349">
        <v>-1.9</v>
      </c>
      <c r="AI16" s="349">
        <v>96.1</v>
      </c>
      <c r="AJ16" s="349">
        <v>9.1999999999999993</v>
      </c>
      <c r="AK16" s="129"/>
    </row>
    <row r="17" spans="1:37" s="326" customFormat="1" ht="15" customHeight="1" x14ac:dyDescent="0.15">
      <c r="A17" s="547"/>
      <c r="B17" s="595"/>
      <c r="C17" s="347" t="s">
        <v>0</v>
      </c>
      <c r="D17" s="348" t="s">
        <v>236</v>
      </c>
      <c r="E17" s="351">
        <v>85.7</v>
      </c>
      <c r="F17" s="352">
        <v>-1.4</v>
      </c>
      <c r="G17" s="351">
        <v>96</v>
      </c>
      <c r="H17" s="351">
        <v>-11.6</v>
      </c>
      <c r="I17" s="351">
        <v>89</v>
      </c>
      <c r="J17" s="351">
        <v>2.8</v>
      </c>
      <c r="K17" s="351">
        <v>79</v>
      </c>
      <c r="L17" s="351">
        <v>-10.1</v>
      </c>
      <c r="M17" s="351">
        <v>89.5</v>
      </c>
      <c r="N17" s="351">
        <v>6.9</v>
      </c>
      <c r="O17" s="351">
        <v>80.900000000000006</v>
      </c>
      <c r="P17" s="351">
        <v>6.3</v>
      </c>
      <c r="Q17" s="351">
        <v>75.8</v>
      </c>
      <c r="R17" s="351">
        <v>-3.1</v>
      </c>
      <c r="S17" s="351">
        <v>84.3</v>
      </c>
      <c r="T17" s="351">
        <v>17.7</v>
      </c>
      <c r="U17" s="351">
        <v>87.1</v>
      </c>
      <c r="V17" s="351">
        <v>6.1</v>
      </c>
      <c r="W17" s="351">
        <v>81.8</v>
      </c>
      <c r="X17" s="351">
        <v>-6.3</v>
      </c>
      <c r="Y17" s="351">
        <v>109.4</v>
      </c>
      <c r="Z17" s="351">
        <v>-14</v>
      </c>
      <c r="AA17" s="351">
        <v>94.2</v>
      </c>
      <c r="AB17" s="351">
        <v>-2.6</v>
      </c>
      <c r="AC17" s="351">
        <v>82.3</v>
      </c>
      <c r="AD17" s="351">
        <v>4.8</v>
      </c>
      <c r="AE17" s="351">
        <v>91.2</v>
      </c>
      <c r="AF17" s="351">
        <v>-4.4000000000000004</v>
      </c>
      <c r="AG17" s="351">
        <v>85.6</v>
      </c>
      <c r="AH17" s="351">
        <v>0</v>
      </c>
      <c r="AI17" s="351">
        <v>92.8</v>
      </c>
      <c r="AJ17" s="351">
        <v>0</v>
      </c>
      <c r="AK17" s="129"/>
    </row>
    <row r="18" spans="1:37" s="326" customFormat="1" ht="15" customHeight="1" x14ac:dyDescent="0.15">
      <c r="A18" s="547"/>
      <c r="B18" s="595"/>
      <c r="C18" s="347" t="s">
        <v>0</v>
      </c>
      <c r="D18" s="348" t="s">
        <v>237</v>
      </c>
      <c r="E18" s="349">
        <v>92.1</v>
      </c>
      <c r="F18" s="350">
        <v>2.9</v>
      </c>
      <c r="G18" s="349">
        <v>98.9</v>
      </c>
      <c r="H18" s="349">
        <v>-8.6999999999999993</v>
      </c>
      <c r="I18" s="349">
        <v>93.6</v>
      </c>
      <c r="J18" s="349">
        <v>0.9</v>
      </c>
      <c r="K18" s="349">
        <v>86.8</v>
      </c>
      <c r="L18" s="349">
        <v>-4.3</v>
      </c>
      <c r="M18" s="349">
        <v>95.2</v>
      </c>
      <c r="N18" s="349">
        <v>6.6</v>
      </c>
      <c r="O18" s="349">
        <v>86.5</v>
      </c>
      <c r="P18" s="349">
        <v>7.1</v>
      </c>
      <c r="Q18" s="349">
        <v>82.5</v>
      </c>
      <c r="R18" s="349">
        <v>-2.4</v>
      </c>
      <c r="S18" s="349">
        <v>99.3</v>
      </c>
      <c r="T18" s="349">
        <v>29.8</v>
      </c>
      <c r="U18" s="349">
        <v>91</v>
      </c>
      <c r="V18" s="349">
        <v>5.2</v>
      </c>
      <c r="W18" s="349">
        <v>85.3</v>
      </c>
      <c r="X18" s="349">
        <v>-0.6</v>
      </c>
      <c r="Y18" s="349">
        <v>119.3</v>
      </c>
      <c r="Z18" s="349">
        <v>5.7</v>
      </c>
      <c r="AA18" s="349">
        <v>100.4</v>
      </c>
      <c r="AB18" s="349">
        <v>-0.4</v>
      </c>
      <c r="AC18" s="349">
        <v>92.3</v>
      </c>
      <c r="AD18" s="349">
        <v>26.6</v>
      </c>
      <c r="AE18" s="349">
        <v>98.1</v>
      </c>
      <c r="AF18" s="349">
        <v>0.1</v>
      </c>
      <c r="AG18" s="349">
        <v>90.4</v>
      </c>
      <c r="AH18" s="349">
        <v>5.6</v>
      </c>
      <c r="AI18" s="349">
        <v>102.1</v>
      </c>
      <c r="AJ18" s="349">
        <v>6.8</v>
      </c>
      <c r="AK18" s="129"/>
    </row>
    <row r="19" spans="1:37" s="326" customFormat="1" ht="15" customHeight="1" x14ac:dyDescent="0.15">
      <c r="A19" s="547"/>
      <c r="B19" s="595"/>
      <c r="C19" s="347" t="s">
        <v>0</v>
      </c>
      <c r="D19" s="348" t="s">
        <v>238</v>
      </c>
      <c r="E19" s="351">
        <v>92.8</v>
      </c>
      <c r="F19" s="352">
        <v>0.2</v>
      </c>
      <c r="G19" s="351">
        <v>103.5</v>
      </c>
      <c r="H19" s="351">
        <v>-14</v>
      </c>
      <c r="I19" s="351">
        <v>96</v>
      </c>
      <c r="J19" s="351">
        <v>2.8</v>
      </c>
      <c r="K19" s="351">
        <v>80.599999999999994</v>
      </c>
      <c r="L19" s="351">
        <v>-12.8</v>
      </c>
      <c r="M19" s="351">
        <v>97.1</v>
      </c>
      <c r="N19" s="351">
        <v>1.6</v>
      </c>
      <c r="O19" s="351">
        <v>92.1</v>
      </c>
      <c r="P19" s="351">
        <v>-5.9</v>
      </c>
      <c r="Q19" s="351">
        <v>80.5</v>
      </c>
      <c r="R19" s="351">
        <v>-5</v>
      </c>
      <c r="S19" s="351">
        <v>101.1</v>
      </c>
      <c r="T19" s="351">
        <v>30.1</v>
      </c>
      <c r="U19" s="351">
        <v>96.3</v>
      </c>
      <c r="V19" s="351">
        <v>-3.5</v>
      </c>
      <c r="W19" s="351">
        <v>87.5</v>
      </c>
      <c r="X19" s="351">
        <v>2.2999999999999998</v>
      </c>
      <c r="Y19" s="351">
        <v>115.9</v>
      </c>
      <c r="Z19" s="351">
        <v>-7.1</v>
      </c>
      <c r="AA19" s="351">
        <v>101.1</v>
      </c>
      <c r="AB19" s="351">
        <v>-1.7</v>
      </c>
      <c r="AC19" s="351">
        <v>89</v>
      </c>
      <c r="AD19" s="351">
        <v>17.100000000000001</v>
      </c>
      <c r="AE19" s="351">
        <v>99.8</v>
      </c>
      <c r="AF19" s="351">
        <v>1.4</v>
      </c>
      <c r="AG19" s="351">
        <v>91</v>
      </c>
      <c r="AH19" s="351">
        <v>2.5</v>
      </c>
      <c r="AI19" s="351">
        <v>97</v>
      </c>
      <c r="AJ19" s="351">
        <v>5.9</v>
      </c>
      <c r="AK19" s="129"/>
    </row>
    <row r="20" spans="1:37" s="326" customFormat="1" ht="15" customHeight="1" x14ac:dyDescent="0.15">
      <c r="A20" s="547"/>
      <c r="B20" s="595"/>
      <c r="C20" s="347" t="s">
        <v>0</v>
      </c>
      <c r="D20" s="348" t="s">
        <v>239</v>
      </c>
      <c r="E20" s="349">
        <v>92.3</v>
      </c>
      <c r="F20" s="350">
        <v>1.5</v>
      </c>
      <c r="G20" s="349">
        <v>99.6</v>
      </c>
      <c r="H20" s="349">
        <v>-9.4</v>
      </c>
      <c r="I20" s="349">
        <v>90.5</v>
      </c>
      <c r="J20" s="349">
        <v>2.8</v>
      </c>
      <c r="K20" s="349">
        <v>82.6</v>
      </c>
      <c r="L20" s="349">
        <v>-10</v>
      </c>
      <c r="M20" s="349">
        <v>98.4</v>
      </c>
      <c r="N20" s="349">
        <v>9.1</v>
      </c>
      <c r="O20" s="349">
        <v>85.2</v>
      </c>
      <c r="P20" s="349">
        <v>2.7</v>
      </c>
      <c r="Q20" s="349">
        <v>88</v>
      </c>
      <c r="R20" s="349">
        <v>1.3</v>
      </c>
      <c r="S20" s="349">
        <v>101.4</v>
      </c>
      <c r="T20" s="349">
        <v>31.9</v>
      </c>
      <c r="U20" s="349">
        <v>94.4</v>
      </c>
      <c r="V20" s="349">
        <v>6.3</v>
      </c>
      <c r="W20" s="349">
        <v>96.8</v>
      </c>
      <c r="X20" s="349">
        <v>2.7</v>
      </c>
      <c r="Y20" s="349">
        <v>117.1</v>
      </c>
      <c r="Z20" s="349">
        <v>2</v>
      </c>
      <c r="AA20" s="349">
        <v>104.7</v>
      </c>
      <c r="AB20" s="349">
        <v>6.8</v>
      </c>
      <c r="AC20" s="349">
        <v>83.8</v>
      </c>
      <c r="AD20" s="349">
        <v>9</v>
      </c>
      <c r="AE20" s="349">
        <v>95.3</v>
      </c>
      <c r="AF20" s="349">
        <v>-6.2</v>
      </c>
      <c r="AG20" s="349">
        <v>86</v>
      </c>
      <c r="AH20" s="349">
        <v>-0.3</v>
      </c>
      <c r="AI20" s="349">
        <v>99.4</v>
      </c>
      <c r="AJ20" s="349">
        <v>7.9</v>
      </c>
      <c r="AK20" s="129"/>
    </row>
    <row r="21" spans="1:37" s="326" customFormat="1" ht="15" customHeight="1" x14ac:dyDescent="0.15">
      <c r="A21" s="547"/>
      <c r="B21" s="595"/>
      <c r="C21" s="347" t="s">
        <v>0</v>
      </c>
      <c r="D21" s="348" t="s">
        <v>240</v>
      </c>
      <c r="E21" s="351">
        <v>163.19999999999999</v>
      </c>
      <c r="F21" s="352">
        <v>7.7</v>
      </c>
      <c r="G21" s="351">
        <v>215.1</v>
      </c>
      <c r="H21" s="351">
        <v>34.9</v>
      </c>
      <c r="I21" s="351">
        <v>175.3</v>
      </c>
      <c r="J21" s="351">
        <v>17.2</v>
      </c>
      <c r="K21" s="351">
        <v>218.9</v>
      </c>
      <c r="L21" s="351">
        <v>18.3</v>
      </c>
      <c r="M21" s="351">
        <v>242.5</v>
      </c>
      <c r="N21" s="351">
        <v>-2.6</v>
      </c>
      <c r="O21" s="351">
        <v>133.80000000000001</v>
      </c>
      <c r="P21" s="351">
        <v>0.2</v>
      </c>
      <c r="Q21" s="351">
        <v>118.2</v>
      </c>
      <c r="R21" s="351">
        <v>6.1</v>
      </c>
      <c r="S21" s="351">
        <v>189.7</v>
      </c>
      <c r="T21" s="351">
        <v>1.9</v>
      </c>
      <c r="U21" s="351">
        <v>221.2</v>
      </c>
      <c r="V21" s="351">
        <v>16.899999999999999</v>
      </c>
      <c r="W21" s="351">
        <v>157.1</v>
      </c>
      <c r="X21" s="351">
        <v>-12.5</v>
      </c>
      <c r="Y21" s="351">
        <v>119.9</v>
      </c>
      <c r="Z21" s="351">
        <v>-3.8</v>
      </c>
      <c r="AA21" s="351">
        <v>152.1</v>
      </c>
      <c r="AB21" s="351">
        <v>46</v>
      </c>
      <c r="AC21" s="351">
        <v>237.5</v>
      </c>
      <c r="AD21" s="351">
        <v>25.7</v>
      </c>
      <c r="AE21" s="351">
        <v>144.1</v>
      </c>
      <c r="AF21" s="351">
        <v>-0.4</v>
      </c>
      <c r="AG21" s="351">
        <v>198.3</v>
      </c>
      <c r="AH21" s="351">
        <v>10.7</v>
      </c>
      <c r="AI21" s="351">
        <v>151.9</v>
      </c>
      <c r="AJ21" s="351">
        <v>-1.9</v>
      </c>
      <c r="AK21" s="129"/>
    </row>
    <row r="22" spans="1:37" s="326" customFormat="1" ht="15" customHeight="1" x14ac:dyDescent="0.15">
      <c r="A22" s="547"/>
      <c r="B22" s="595"/>
      <c r="C22" s="347" t="s">
        <v>0</v>
      </c>
      <c r="D22" s="348" t="s">
        <v>241</v>
      </c>
      <c r="E22" s="349">
        <v>129.4</v>
      </c>
      <c r="F22" s="350">
        <v>1.8</v>
      </c>
      <c r="G22" s="349">
        <v>126.3</v>
      </c>
      <c r="H22" s="349">
        <v>-18.7</v>
      </c>
      <c r="I22" s="349">
        <v>157.4</v>
      </c>
      <c r="J22" s="349">
        <v>-1.9</v>
      </c>
      <c r="K22" s="349">
        <v>84.4</v>
      </c>
      <c r="L22" s="349">
        <v>-6.9</v>
      </c>
      <c r="M22" s="349">
        <v>110.8</v>
      </c>
      <c r="N22" s="349">
        <v>-0.1</v>
      </c>
      <c r="O22" s="349">
        <v>114</v>
      </c>
      <c r="P22" s="349">
        <v>9.6</v>
      </c>
      <c r="Q22" s="349">
        <v>128</v>
      </c>
      <c r="R22" s="349">
        <v>-4.5</v>
      </c>
      <c r="S22" s="349">
        <v>110.8</v>
      </c>
      <c r="T22" s="349">
        <v>14.2</v>
      </c>
      <c r="U22" s="349">
        <v>135.80000000000001</v>
      </c>
      <c r="V22" s="349">
        <v>24.6</v>
      </c>
      <c r="W22" s="349">
        <v>171.2</v>
      </c>
      <c r="X22" s="349">
        <v>6.7</v>
      </c>
      <c r="Y22" s="349">
        <v>136.6</v>
      </c>
      <c r="Z22" s="349">
        <v>7.6</v>
      </c>
      <c r="AA22" s="349">
        <v>142.1</v>
      </c>
      <c r="AB22" s="349">
        <v>13</v>
      </c>
      <c r="AC22" s="349">
        <v>96.5</v>
      </c>
      <c r="AD22" s="349">
        <v>4.9000000000000004</v>
      </c>
      <c r="AE22" s="349">
        <v>117.7</v>
      </c>
      <c r="AF22" s="349">
        <v>3.1</v>
      </c>
      <c r="AG22" s="349">
        <v>109.8</v>
      </c>
      <c r="AH22" s="349">
        <v>-3.1</v>
      </c>
      <c r="AI22" s="349">
        <v>136.9</v>
      </c>
      <c r="AJ22" s="349">
        <v>20.2</v>
      </c>
      <c r="AK22" s="129"/>
    </row>
    <row r="23" spans="1:37" s="326" customFormat="1" ht="15" customHeight="1" x14ac:dyDescent="0.15">
      <c r="A23" s="547"/>
      <c r="B23" s="595"/>
      <c r="C23" s="347" t="s">
        <v>0</v>
      </c>
      <c r="D23" s="348" t="s">
        <v>242</v>
      </c>
      <c r="E23" s="351">
        <v>91.1</v>
      </c>
      <c r="F23" s="352">
        <v>0.3</v>
      </c>
      <c r="G23" s="351">
        <v>106.4</v>
      </c>
      <c r="H23" s="351">
        <v>-9.1999999999999993</v>
      </c>
      <c r="I23" s="351">
        <v>92.7</v>
      </c>
      <c r="J23" s="351">
        <v>2.2999999999999998</v>
      </c>
      <c r="K23" s="351">
        <v>94.6</v>
      </c>
      <c r="L23" s="351">
        <v>3.7</v>
      </c>
      <c r="M23" s="351">
        <v>93.3</v>
      </c>
      <c r="N23" s="351">
        <v>5.5</v>
      </c>
      <c r="O23" s="351">
        <v>81.5</v>
      </c>
      <c r="P23" s="351">
        <v>-1.1000000000000001</v>
      </c>
      <c r="Q23" s="351">
        <v>81.599999999999994</v>
      </c>
      <c r="R23" s="351">
        <v>-1</v>
      </c>
      <c r="S23" s="351">
        <v>88.4</v>
      </c>
      <c r="T23" s="351">
        <v>11.8</v>
      </c>
      <c r="U23" s="351">
        <v>91.8</v>
      </c>
      <c r="V23" s="351">
        <v>4.8</v>
      </c>
      <c r="W23" s="351">
        <v>86.9</v>
      </c>
      <c r="X23" s="351">
        <v>-9.8000000000000007</v>
      </c>
      <c r="Y23" s="351">
        <v>122.2</v>
      </c>
      <c r="Z23" s="351">
        <v>10.9</v>
      </c>
      <c r="AA23" s="351">
        <v>127.4</v>
      </c>
      <c r="AB23" s="351">
        <v>24.8</v>
      </c>
      <c r="AC23" s="351">
        <v>84.1</v>
      </c>
      <c r="AD23" s="351">
        <v>12.3</v>
      </c>
      <c r="AE23" s="351">
        <v>96</v>
      </c>
      <c r="AF23" s="351">
        <v>-4.3</v>
      </c>
      <c r="AG23" s="351">
        <v>83.8</v>
      </c>
      <c r="AH23" s="351">
        <v>3.2</v>
      </c>
      <c r="AI23" s="351">
        <v>99.4</v>
      </c>
      <c r="AJ23" s="351">
        <v>5.2</v>
      </c>
      <c r="AK23" s="129"/>
    </row>
    <row r="24" spans="1:37" s="326" customFormat="1" ht="15" customHeight="1" x14ac:dyDescent="0.15">
      <c r="A24" s="547"/>
      <c r="B24" s="595"/>
      <c r="C24" s="347" t="s">
        <v>0</v>
      </c>
      <c r="D24" s="348" t="s">
        <v>243</v>
      </c>
      <c r="E24" s="349">
        <v>91</v>
      </c>
      <c r="F24" s="350">
        <v>1.8</v>
      </c>
      <c r="G24" s="349">
        <v>98.4</v>
      </c>
      <c r="H24" s="349">
        <v>-9.6</v>
      </c>
      <c r="I24" s="349">
        <v>94.5</v>
      </c>
      <c r="J24" s="349">
        <v>2.4</v>
      </c>
      <c r="K24" s="349">
        <v>81.900000000000006</v>
      </c>
      <c r="L24" s="349">
        <v>-10.8</v>
      </c>
      <c r="M24" s="349">
        <v>92.2</v>
      </c>
      <c r="N24" s="349">
        <v>5.5</v>
      </c>
      <c r="O24" s="349">
        <v>84.8</v>
      </c>
      <c r="P24" s="349">
        <v>1.8</v>
      </c>
      <c r="Q24" s="349">
        <v>82.6</v>
      </c>
      <c r="R24" s="349">
        <v>-1.2</v>
      </c>
      <c r="S24" s="349">
        <v>91.4</v>
      </c>
      <c r="T24" s="349">
        <v>8.6</v>
      </c>
      <c r="U24" s="349">
        <v>89.2</v>
      </c>
      <c r="V24" s="349">
        <v>-5.6</v>
      </c>
      <c r="W24" s="349">
        <v>86.7</v>
      </c>
      <c r="X24" s="349">
        <v>-0.5</v>
      </c>
      <c r="Y24" s="349">
        <v>115.5</v>
      </c>
      <c r="Z24" s="349">
        <v>9.8000000000000007</v>
      </c>
      <c r="AA24" s="349">
        <v>123.2</v>
      </c>
      <c r="AB24" s="349">
        <v>21.7</v>
      </c>
      <c r="AC24" s="349">
        <v>89</v>
      </c>
      <c r="AD24" s="349">
        <v>15.7</v>
      </c>
      <c r="AE24" s="349">
        <v>92.6</v>
      </c>
      <c r="AF24" s="349">
        <v>-1.5</v>
      </c>
      <c r="AG24" s="349">
        <v>82.8</v>
      </c>
      <c r="AH24" s="349">
        <v>-2.6</v>
      </c>
      <c r="AI24" s="349">
        <v>101.9</v>
      </c>
      <c r="AJ24" s="349">
        <v>7</v>
      </c>
      <c r="AK24" s="129"/>
    </row>
    <row r="25" spans="1:37" s="326" customFormat="1" ht="15" customHeight="1" x14ac:dyDescent="0.15">
      <c r="A25" s="547"/>
      <c r="B25" s="595"/>
      <c r="C25" s="347" t="s">
        <v>0</v>
      </c>
      <c r="D25" s="348" t="s">
        <v>244</v>
      </c>
      <c r="E25" s="351">
        <v>94.2</v>
      </c>
      <c r="F25" s="352">
        <v>4</v>
      </c>
      <c r="G25" s="351">
        <v>100.8</v>
      </c>
      <c r="H25" s="351">
        <v>-7.9</v>
      </c>
      <c r="I25" s="351">
        <v>94.3</v>
      </c>
      <c r="J25" s="351">
        <v>4</v>
      </c>
      <c r="K25" s="351">
        <v>102.1</v>
      </c>
      <c r="L25" s="351">
        <v>8.5</v>
      </c>
      <c r="M25" s="351">
        <v>96.4</v>
      </c>
      <c r="N25" s="351">
        <v>1.4</v>
      </c>
      <c r="O25" s="351">
        <v>93.2</v>
      </c>
      <c r="P25" s="351">
        <v>-0.9</v>
      </c>
      <c r="Q25" s="351">
        <v>87.9</v>
      </c>
      <c r="R25" s="351">
        <v>2.9</v>
      </c>
      <c r="S25" s="351">
        <v>93.4</v>
      </c>
      <c r="T25" s="351">
        <v>13.1</v>
      </c>
      <c r="U25" s="351">
        <v>97.5</v>
      </c>
      <c r="V25" s="351">
        <v>5.3</v>
      </c>
      <c r="W25" s="351">
        <v>90.5</v>
      </c>
      <c r="X25" s="351">
        <v>0.4</v>
      </c>
      <c r="Y25" s="351">
        <v>117.6</v>
      </c>
      <c r="Z25" s="351">
        <v>10.6</v>
      </c>
      <c r="AA25" s="351">
        <v>128.4</v>
      </c>
      <c r="AB25" s="351">
        <v>25.5</v>
      </c>
      <c r="AC25" s="351">
        <v>90.7</v>
      </c>
      <c r="AD25" s="351">
        <v>13</v>
      </c>
      <c r="AE25" s="351">
        <v>96.5</v>
      </c>
      <c r="AF25" s="351">
        <v>4.3</v>
      </c>
      <c r="AG25" s="351">
        <v>91</v>
      </c>
      <c r="AH25" s="351">
        <v>10.4</v>
      </c>
      <c r="AI25" s="351">
        <v>101.6</v>
      </c>
      <c r="AJ25" s="351">
        <v>8</v>
      </c>
      <c r="AK25" s="129"/>
    </row>
    <row r="26" spans="1:37" s="326" customFormat="1" ht="14.25" customHeight="1" x14ac:dyDescent="0.15">
      <c r="A26" s="547"/>
      <c r="B26" s="59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29"/>
    </row>
    <row r="27" spans="1:37" s="326" customFormat="1" ht="14.25" customHeight="1" x14ac:dyDescent="0.15">
      <c r="A27" s="547"/>
      <c r="B27" s="595"/>
      <c r="C27" s="347" t="s">
        <v>234</v>
      </c>
      <c r="D27" s="348" t="s">
        <v>232</v>
      </c>
      <c r="E27" s="349">
        <v>96.4</v>
      </c>
      <c r="F27" s="350">
        <v>3</v>
      </c>
      <c r="G27" s="349">
        <v>99.6</v>
      </c>
      <c r="H27" s="349">
        <v>-18.2</v>
      </c>
      <c r="I27" s="349">
        <v>100.8</v>
      </c>
      <c r="J27" s="349">
        <v>5.2</v>
      </c>
      <c r="K27" s="349">
        <v>81.8</v>
      </c>
      <c r="L27" s="349">
        <v>-10.4</v>
      </c>
      <c r="M27" s="349">
        <v>97.3</v>
      </c>
      <c r="N27" s="349">
        <v>11.3</v>
      </c>
      <c r="O27" s="349">
        <v>83.6</v>
      </c>
      <c r="P27" s="349">
        <v>-3.1</v>
      </c>
      <c r="Q27" s="349">
        <v>87.5</v>
      </c>
      <c r="R27" s="349">
        <v>3.3</v>
      </c>
      <c r="S27" s="349">
        <v>97.5</v>
      </c>
      <c r="T27" s="349">
        <v>9.8000000000000007</v>
      </c>
      <c r="U27" s="349">
        <v>97.6</v>
      </c>
      <c r="V27" s="349">
        <v>14.3</v>
      </c>
      <c r="W27" s="349">
        <v>97.1</v>
      </c>
      <c r="X27" s="349">
        <v>3.1</v>
      </c>
      <c r="Y27" s="349">
        <v>119.2</v>
      </c>
      <c r="Z27" s="349">
        <v>5</v>
      </c>
      <c r="AA27" s="349">
        <v>129.69999999999999</v>
      </c>
      <c r="AB27" s="349">
        <v>23.4</v>
      </c>
      <c r="AC27" s="349">
        <v>86.2</v>
      </c>
      <c r="AD27" s="349">
        <v>12.4</v>
      </c>
      <c r="AE27" s="349">
        <v>107.9</v>
      </c>
      <c r="AF27" s="349">
        <v>0.7</v>
      </c>
      <c r="AG27" s="349">
        <v>83.4</v>
      </c>
      <c r="AH27" s="349">
        <v>-7.7</v>
      </c>
      <c r="AI27" s="349">
        <v>102.5</v>
      </c>
      <c r="AJ27" s="349">
        <v>10.9</v>
      </c>
      <c r="AK27" s="129"/>
    </row>
    <row r="28" spans="1:37" s="326" customFormat="1" ht="11.25" customHeight="1" x14ac:dyDescent="0.15">
      <c r="A28" s="547"/>
      <c r="B28" s="551"/>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29"/>
    </row>
    <row r="29" spans="1:37" s="326" customFormat="1" ht="11.25" customHeight="1" x14ac:dyDescent="0.15">
      <c r="A29" s="547"/>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29"/>
    </row>
    <row r="30" spans="1:37" s="326" customFormat="1" ht="14.25" customHeight="1" x14ac:dyDescent="0.15">
      <c r="A30" s="547"/>
      <c r="B30" s="38"/>
      <c r="C30" s="347" t="s">
        <v>227</v>
      </c>
      <c r="D30" s="348" t="s">
        <v>228</v>
      </c>
      <c r="E30" s="349">
        <v>99.2</v>
      </c>
      <c r="F30" s="350">
        <v>-0.9</v>
      </c>
      <c r="G30" s="349">
        <v>99</v>
      </c>
      <c r="H30" s="349">
        <v>-1</v>
      </c>
      <c r="I30" s="349">
        <v>104.3</v>
      </c>
      <c r="J30" s="349">
        <v>4.3</v>
      </c>
      <c r="K30" s="349">
        <v>94.7</v>
      </c>
      <c r="L30" s="349">
        <v>-5.2</v>
      </c>
      <c r="M30" s="349">
        <v>108</v>
      </c>
      <c r="N30" s="349">
        <v>8</v>
      </c>
      <c r="O30" s="349">
        <v>87.4</v>
      </c>
      <c r="P30" s="349">
        <v>-12.6</v>
      </c>
      <c r="Q30" s="349">
        <v>96.7</v>
      </c>
      <c r="R30" s="349">
        <v>-3.4</v>
      </c>
      <c r="S30" s="349">
        <v>97.8</v>
      </c>
      <c r="T30" s="349">
        <v>-2.2000000000000002</v>
      </c>
      <c r="U30" s="349">
        <v>114.7</v>
      </c>
      <c r="V30" s="349">
        <v>14.6</v>
      </c>
      <c r="W30" s="349">
        <v>102.5</v>
      </c>
      <c r="X30" s="349">
        <v>2.5</v>
      </c>
      <c r="Y30" s="349">
        <v>113.4</v>
      </c>
      <c r="Z30" s="349">
        <v>13.3</v>
      </c>
      <c r="AA30" s="349">
        <v>103.4</v>
      </c>
      <c r="AB30" s="349">
        <v>3.3</v>
      </c>
      <c r="AC30" s="349">
        <v>101.5</v>
      </c>
      <c r="AD30" s="349">
        <v>1.5</v>
      </c>
      <c r="AE30" s="349">
        <v>93.4</v>
      </c>
      <c r="AF30" s="349">
        <v>-6.7</v>
      </c>
      <c r="AG30" s="349">
        <v>98.8</v>
      </c>
      <c r="AH30" s="349">
        <v>-1.2</v>
      </c>
      <c r="AI30" s="349">
        <v>96.6</v>
      </c>
      <c r="AJ30" s="349">
        <v>-3.4</v>
      </c>
      <c r="AK30" s="129"/>
    </row>
    <row r="31" spans="1:37" s="326" customFormat="1" ht="14.25" customHeight="1" x14ac:dyDescent="0.15">
      <c r="A31" s="547"/>
      <c r="B31" s="38"/>
      <c r="C31" s="347" t="s">
        <v>227</v>
      </c>
      <c r="D31" s="348" t="s">
        <v>229</v>
      </c>
      <c r="E31" s="351">
        <v>98.4</v>
      </c>
      <c r="F31" s="352">
        <v>-0.8</v>
      </c>
      <c r="G31" s="351">
        <v>106.8</v>
      </c>
      <c r="H31" s="351">
        <v>7.9</v>
      </c>
      <c r="I31" s="351">
        <v>98.9</v>
      </c>
      <c r="J31" s="351">
        <v>-5.2</v>
      </c>
      <c r="K31" s="351">
        <v>96.2</v>
      </c>
      <c r="L31" s="351">
        <v>1.6</v>
      </c>
      <c r="M31" s="351">
        <v>116.6</v>
      </c>
      <c r="N31" s="351">
        <v>8</v>
      </c>
      <c r="O31" s="351">
        <v>83.5</v>
      </c>
      <c r="P31" s="351">
        <v>-4.5</v>
      </c>
      <c r="Q31" s="351">
        <v>99</v>
      </c>
      <c r="R31" s="351">
        <v>2.4</v>
      </c>
      <c r="S31" s="351">
        <v>96.1</v>
      </c>
      <c r="T31" s="351">
        <v>-1.7</v>
      </c>
      <c r="U31" s="351">
        <v>132.69999999999999</v>
      </c>
      <c r="V31" s="351">
        <v>15.7</v>
      </c>
      <c r="W31" s="351">
        <v>108</v>
      </c>
      <c r="X31" s="351">
        <v>5.4</v>
      </c>
      <c r="Y31" s="351">
        <v>133.4</v>
      </c>
      <c r="Z31" s="351">
        <v>17.600000000000001</v>
      </c>
      <c r="AA31" s="351">
        <v>99.9</v>
      </c>
      <c r="AB31" s="351">
        <v>-3.4</v>
      </c>
      <c r="AC31" s="351">
        <v>82.7</v>
      </c>
      <c r="AD31" s="351">
        <v>-18.5</v>
      </c>
      <c r="AE31" s="351">
        <v>103.7</v>
      </c>
      <c r="AF31" s="351">
        <v>11</v>
      </c>
      <c r="AG31" s="351">
        <v>94.9</v>
      </c>
      <c r="AH31" s="351">
        <v>-3.9</v>
      </c>
      <c r="AI31" s="351">
        <v>92.1</v>
      </c>
      <c r="AJ31" s="351">
        <v>-4.7</v>
      </c>
      <c r="AK31" s="129"/>
    </row>
    <row r="32" spans="1:37" s="326" customFormat="1" ht="14.25" customHeight="1" x14ac:dyDescent="0.15">
      <c r="A32" s="547"/>
      <c r="B32" s="38"/>
      <c r="C32" s="347" t="s">
        <v>227</v>
      </c>
      <c r="D32" s="348" t="s">
        <v>230</v>
      </c>
      <c r="E32" s="349">
        <v>103.4</v>
      </c>
      <c r="F32" s="350">
        <v>5.0999999999999996</v>
      </c>
      <c r="G32" s="349">
        <v>106.5</v>
      </c>
      <c r="H32" s="349">
        <v>-0.3</v>
      </c>
      <c r="I32" s="349">
        <v>112.1</v>
      </c>
      <c r="J32" s="349">
        <v>13.3</v>
      </c>
      <c r="K32" s="349">
        <v>94.7</v>
      </c>
      <c r="L32" s="349">
        <v>-1.6</v>
      </c>
      <c r="M32" s="349">
        <v>118.6</v>
      </c>
      <c r="N32" s="349">
        <v>1.7</v>
      </c>
      <c r="O32" s="349">
        <v>88.5</v>
      </c>
      <c r="P32" s="349">
        <v>6</v>
      </c>
      <c r="Q32" s="349">
        <v>114.5</v>
      </c>
      <c r="R32" s="349">
        <v>15.7</v>
      </c>
      <c r="S32" s="349">
        <v>89</v>
      </c>
      <c r="T32" s="349">
        <v>-7.4</v>
      </c>
      <c r="U32" s="349">
        <v>137.9</v>
      </c>
      <c r="V32" s="349">
        <v>3.9</v>
      </c>
      <c r="W32" s="349">
        <v>109.7</v>
      </c>
      <c r="X32" s="349">
        <v>1.6</v>
      </c>
      <c r="Y32" s="349">
        <v>158.1</v>
      </c>
      <c r="Z32" s="349">
        <v>18.5</v>
      </c>
      <c r="AA32" s="349">
        <v>109.2</v>
      </c>
      <c r="AB32" s="349">
        <v>9.3000000000000007</v>
      </c>
      <c r="AC32" s="349">
        <v>86.1</v>
      </c>
      <c r="AD32" s="349">
        <v>4.0999999999999996</v>
      </c>
      <c r="AE32" s="349">
        <v>100.1</v>
      </c>
      <c r="AF32" s="349">
        <v>-3.5</v>
      </c>
      <c r="AG32" s="349">
        <v>93.7</v>
      </c>
      <c r="AH32" s="349">
        <v>-1.3</v>
      </c>
      <c r="AI32" s="349">
        <v>89.3</v>
      </c>
      <c r="AJ32" s="349">
        <v>-3</v>
      </c>
      <c r="AK32" s="129"/>
    </row>
    <row r="33" spans="1:37" s="326" customFormat="1" ht="14.25" customHeight="1" x14ac:dyDescent="0.15">
      <c r="A33" s="547"/>
      <c r="B33" s="129"/>
      <c r="C33" s="347" t="s">
        <v>227</v>
      </c>
      <c r="D33" s="348" t="s">
        <v>231</v>
      </c>
      <c r="E33" s="351">
        <v>109.4</v>
      </c>
      <c r="F33" s="352">
        <v>3.8</v>
      </c>
      <c r="G33" s="351">
        <v>112.6</v>
      </c>
      <c r="H33" s="351">
        <v>4.8</v>
      </c>
      <c r="I33" s="351">
        <v>111</v>
      </c>
      <c r="J33" s="351">
        <v>-0.6</v>
      </c>
      <c r="K33" s="351">
        <v>107.2</v>
      </c>
      <c r="L33" s="351">
        <v>13.6</v>
      </c>
      <c r="M33" s="351">
        <v>118</v>
      </c>
      <c r="N33" s="351">
        <v>-0.3</v>
      </c>
      <c r="O33" s="351">
        <v>92.4</v>
      </c>
      <c r="P33" s="351">
        <v>5</v>
      </c>
      <c r="Q33" s="351">
        <v>106.3</v>
      </c>
      <c r="R33" s="351">
        <v>-6.5</v>
      </c>
      <c r="S33" s="351">
        <v>98.2</v>
      </c>
      <c r="T33" s="351">
        <v>9.6999999999999993</v>
      </c>
      <c r="U33" s="351">
        <v>122.4</v>
      </c>
      <c r="V33" s="351">
        <v>-5.4</v>
      </c>
      <c r="W33" s="351">
        <v>113.3</v>
      </c>
      <c r="X33" s="351">
        <v>3.8</v>
      </c>
      <c r="Y33" s="351">
        <v>138</v>
      </c>
      <c r="Z33" s="351">
        <v>-12.8</v>
      </c>
      <c r="AA33" s="351">
        <v>126.3</v>
      </c>
      <c r="AB33" s="351">
        <v>16.7</v>
      </c>
      <c r="AC33" s="351">
        <v>96.3</v>
      </c>
      <c r="AD33" s="351">
        <v>11.5</v>
      </c>
      <c r="AE33" s="351">
        <v>112</v>
      </c>
      <c r="AF33" s="351">
        <v>11.2</v>
      </c>
      <c r="AG33" s="351">
        <v>101.3</v>
      </c>
      <c r="AH33" s="351">
        <v>9.1999999999999993</v>
      </c>
      <c r="AI33" s="351">
        <v>105</v>
      </c>
      <c r="AJ33" s="351">
        <v>15.9</v>
      </c>
      <c r="AK33" s="129"/>
    </row>
    <row r="34" spans="1:37" s="326" customFormat="1" ht="14.25" customHeight="1" x14ac:dyDescent="0.15">
      <c r="A34" s="547"/>
      <c r="B34" s="129"/>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51"/>
      <c r="AH34" s="351"/>
      <c r="AI34" s="351"/>
      <c r="AJ34" s="351"/>
      <c r="AK34" s="129"/>
    </row>
    <row r="35" spans="1:37" s="326" customFormat="1" ht="15" customHeight="1" x14ac:dyDescent="0.15">
      <c r="A35" s="547"/>
      <c r="B35" s="596" t="s">
        <v>48</v>
      </c>
      <c r="C35" s="347" t="s">
        <v>208</v>
      </c>
      <c r="D35" s="348" t="s">
        <v>232</v>
      </c>
      <c r="E35" s="349">
        <v>93.1</v>
      </c>
      <c r="F35" s="350">
        <v>4.5</v>
      </c>
      <c r="G35" s="349">
        <v>88.6</v>
      </c>
      <c r="H35" s="349">
        <v>3.9</v>
      </c>
      <c r="I35" s="349">
        <v>92.8</v>
      </c>
      <c r="J35" s="349">
        <v>-1.9</v>
      </c>
      <c r="K35" s="349">
        <v>91.6</v>
      </c>
      <c r="L35" s="349">
        <v>13.5</v>
      </c>
      <c r="M35" s="349">
        <v>86.6</v>
      </c>
      <c r="N35" s="349">
        <v>-4</v>
      </c>
      <c r="O35" s="349">
        <v>81</v>
      </c>
      <c r="P35" s="349">
        <v>3.1</v>
      </c>
      <c r="Q35" s="349">
        <v>91.5</v>
      </c>
      <c r="R35" s="349">
        <v>-8.3000000000000007</v>
      </c>
      <c r="S35" s="349">
        <v>76.599999999999994</v>
      </c>
      <c r="T35" s="349">
        <v>6.8</v>
      </c>
      <c r="U35" s="349">
        <v>92.7</v>
      </c>
      <c r="V35" s="349">
        <v>-9.6</v>
      </c>
      <c r="W35" s="349">
        <v>92.3</v>
      </c>
      <c r="X35" s="349">
        <v>4.8</v>
      </c>
      <c r="Y35" s="349">
        <v>117.7</v>
      </c>
      <c r="Z35" s="349">
        <v>2.9</v>
      </c>
      <c r="AA35" s="349">
        <v>117.1</v>
      </c>
      <c r="AB35" s="349">
        <v>18.399999999999999</v>
      </c>
      <c r="AC35" s="349">
        <v>71.599999999999994</v>
      </c>
      <c r="AD35" s="349">
        <v>11.5</v>
      </c>
      <c r="AE35" s="349">
        <v>111</v>
      </c>
      <c r="AF35" s="349">
        <v>17.600000000000001</v>
      </c>
      <c r="AG35" s="360" t="s">
        <v>19</v>
      </c>
      <c r="AH35" s="360" t="s">
        <v>19</v>
      </c>
      <c r="AI35" s="349">
        <v>94.4</v>
      </c>
      <c r="AJ35" s="349">
        <v>16.3</v>
      </c>
      <c r="AK35" s="129"/>
    </row>
    <row r="36" spans="1:37" s="326" customFormat="1" ht="15" customHeight="1" x14ac:dyDescent="0.15">
      <c r="A36" s="547"/>
      <c r="B36" s="596"/>
      <c r="C36" s="347" t="s">
        <v>0</v>
      </c>
      <c r="D36" s="348" t="s">
        <v>233</v>
      </c>
      <c r="E36" s="351">
        <v>207.7</v>
      </c>
      <c r="F36" s="352">
        <v>5.0999999999999996</v>
      </c>
      <c r="G36" s="351">
        <v>228.7</v>
      </c>
      <c r="H36" s="351">
        <v>0.4</v>
      </c>
      <c r="I36" s="351">
        <v>225.3</v>
      </c>
      <c r="J36" s="351">
        <v>1.5</v>
      </c>
      <c r="K36" s="351">
        <v>196.3</v>
      </c>
      <c r="L36" s="351">
        <v>8.1999999999999993</v>
      </c>
      <c r="M36" s="351">
        <v>258.8</v>
      </c>
      <c r="N36" s="351">
        <v>-6.5</v>
      </c>
      <c r="O36" s="351">
        <v>151.5</v>
      </c>
      <c r="P36" s="351">
        <v>4.3</v>
      </c>
      <c r="Q36" s="351">
        <v>170</v>
      </c>
      <c r="R36" s="351">
        <v>-17.100000000000001</v>
      </c>
      <c r="S36" s="351">
        <v>216.1</v>
      </c>
      <c r="T36" s="351">
        <v>16.2</v>
      </c>
      <c r="U36" s="351">
        <v>246</v>
      </c>
      <c r="V36" s="351">
        <v>-2.7</v>
      </c>
      <c r="W36" s="351">
        <v>233.4</v>
      </c>
      <c r="X36" s="351">
        <v>6.4</v>
      </c>
      <c r="Y36" s="351">
        <v>174.2</v>
      </c>
      <c r="Z36" s="351">
        <v>-21.2</v>
      </c>
      <c r="AA36" s="351">
        <v>252.5</v>
      </c>
      <c r="AB36" s="351">
        <v>48.1</v>
      </c>
      <c r="AC36" s="351">
        <v>237.2</v>
      </c>
      <c r="AD36" s="351">
        <v>24.3</v>
      </c>
      <c r="AE36" s="351">
        <v>181.9</v>
      </c>
      <c r="AF36" s="351">
        <v>9</v>
      </c>
      <c r="AG36" s="361" t="s">
        <v>19</v>
      </c>
      <c r="AH36" s="361" t="s">
        <v>19</v>
      </c>
      <c r="AI36" s="351">
        <v>179</v>
      </c>
      <c r="AJ36" s="351">
        <v>35.5</v>
      </c>
      <c r="AK36" s="129"/>
    </row>
    <row r="37" spans="1:37" s="326" customFormat="1" ht="15" customHeight="1" x14ac:dyDescent="0.15">
      <c r="A37" s="547"/>
      <c r="B37" s="596"/>
      <c r="C37" s="347" t="s">
        <v>234</v>
      </c>
      <c r="D37" s="348" t="s">
        <v>235</v>
      </c>
      <c r="E37" s="349">
        <v>89.3</v>
      </c>
      <c r="F37" s="350">
        <v>1.9</v>
      </c>
      <c r="G37" s="349">
        <v>84.6</v>
      </c>
      <c r="H37" s="349">
        <v>0</v>
      </c>
      <c r="I37" s="349">
        <v>88.3</v>
      </c>
      <c r="J37" s="349">
        <v>1.5</v>
      </c>
      <c r="K37" s="349">
        <v>79.099999999999994</v>
      </c>
      <c r="L37" s="349">
        <v>-9.1999999999999993</v>
      </c>
      <c r="M37" s="349">
        <v>92.3</v>
      </c>
      <c r="N37" s="349">
        <v>8</v>
      </c>
      <c r="O37" s="349">
        <v>79.3</v>
      </c>
      <c r="P37" s="349">
        <v>-2.1</v>
      </c>
      <c r="Q37" s="349">
        <v>87.6</v>
      </c>
      <c r="R37" s="349">
        <v>-2.7</v>
      </c>
      <c r="S37" s="349">
        <v>80</v>
      </c>
      <c r="T37" s="349">
        <v>9</v>
      </c>
      <c r="U37" s="349">
        <v>85.1</v>
      </c>
      <c r="V37" s="349">
        <v>-10.4</v>
      </c>
      <c r="W37" s="349">
        <v>79.3</v>
      </c>
      <c r="X37" s="349">
        <v>-1.1000000000000001</v>
      </c>
      <c r="Y37" s="349">
        <v>140.19999999999999</v>
      </c>
      <c r="Z37" s="349">
        <v>14.9</v>
      </c>
      <c r="AA37" s="349">
        <v>112.2</v>
      </c>
      <c r="AB37" s="349">
        <v>-10.9</v>
      </c>
      <c r="AC37" s="349">
        <v>78.3</v>
      </c>
      <c r="AD37" s="349">
        <v>12.7</v>
      </c>
      <c r="AE37" s="349">
        <v>94.7</v>
      </c>
      <c r="AF37" s="349">
        <v>-3.1</v>
      </c>
      <c r="AG37" s="360">
        <v>82.1</v>
      </c>
      <c r="AH37" s="360">
        <v>-20.2</v>
      </c>
      <c r="AI37" s="349">
        <v>99.3</v>
      </c>
      <c r="AJ37" s="349">
        <v>14.8</v>
      </c>
      <c r="AK37" s="129"/>
    </row>
    <row r="38" spans="1:37" s="326" customFormat="1" ht="15" customHeight="1" x14ac:dyDescent="0.15">
      <c r="A38" s="547"/>
      <c r="B38" s="596"/>
      <c r="C38" s="347" t="s">
        <v>0</v>
      </c>
      <c r="D38" s="348" t="s">
        <v>236</v>
      </c>
      <c r="E38" s="351">
        <v>87.4</v>
      </c>
      <c r="F38" s="352">
        <v>0.7</v>
      </c>
      <c r="G38" s="351">
        <v>86.4</v>
      </c>
      <c r="H38" s="351">
        <v>2</v>
      </c>
      <c r="I38" s="351">
        <v>86.3</v>
      </c>
      <c r="J38" s="351">
        <v>2.5</v>
      </c>
      <c r="K38" s="351">
        <v>78.8</v>
      </c>
      <c r="L38" s="351">
        <v>-11</v>
      </c>
      <c r="M38" s="351">
        <v>89.4</v>
      </c>
      <c r="N38" s="351">
        <v>8</v>
      </c>
      <c r="O38" s="351">
        <v>76.400000000000006</v>
      </c>
      <c r="P38" s="351">
        <v>6.9</v>
      </c>
      <c r="Q38" s="351">
        <v>84.1</v>
      </c>
      <c r="R38" s="351">
        <v>-1.8</v>
      </c>
      <c r="S38" s="351">
        <v>76.3</v>
      </c>
      <c r="T38" s="351">
        <v>6.1</v>
      </c>
      <c r="U38" s="351">
        <v>80.599999999999994</v>
      </c>
      <c r="V38" s="351">
        <v>-14.3</v>
      </c>
      <c r="W38" s="351">
        <v>80</v>
      </c>
      <c r="X38" s="351">
        <v>-7.4</v>
      </c>
      <c r="Y38" s="351">
        <v>131.69999999999999</v>
      </c>
      <c r="Z38" s="351">
        <v>-22.3</v>
      </c>
      <c r="AA38" s="351">
        <v>105.4</v>
      </c>
      <c r="AB38" s="351">
        <v>1.5</v>
      </c>
      <c r="AC38" s="351">
        <v>77.7</v>
      </c>
      <c r="AD38" s="351">
        <v>7.2</v>
      </c>
      <c r="AE38" s="351">
        <v>93.5</v>
      </c>
      <c r="AF38" s="351">
        <v>0.4</v>
      </c>
      <c r="AG38" s="361">
        <v>81.5</v>
      </c>
      <c r="AH38" s="361">
        <v>4.4000000000000004</v>
      </c>
      <c r="AI38" s="351">
        <v>96.5</v>
      </c>
      <c r="AJ38" s="351">
        <v>4.4000000000000004</v>
      </c>
      <c r="AK38" s="129"/>
    </row>
    <row r="39" spans="1:37" s="326" customFormat="1" ht="15" customHeight="1" x14ac:dyDescent="0.15">
      <c r="A39" s="547"/>
      <c r="B39" s="596"/>
      <c r="C39" s="347" t="s">
        <v>0</v>
      </c>
      <c r="D39" s="348" t="s">
        <v>237</v>
      </c>
      <c r="E39" s="349">
        <v>93.7</v>
      </c>
      <c r="F39" s="350">
        <v>4.5999999999999996</v>
      </c>
      <c r="G39" s="349">
        <v>91.8</v>
      </c>
      <c r="H39" s="349">
        <v>4</v>
      </c>
      <c r="I39" s="349">
        <v>90.6</v>
      </c>
      <c r="J39" s="349">
        <v>-0.5</v>
      </c>
      <c r="K39" s="349">
        <v>87.3</v>
      </c>
      <c r="L39" s="349">
        <v>-3.4</v>
      </c>
      <c r="M39" s="349">
        <v>95.7</v>
      </c>
      <c r="N39" s="349">
        <v>8</v>
      </c>
      <c r="O39" s="349">
        <v>83.3</v>
      </c>
      <c r="P39" s="349">
        <v>7.1</v>
      </c>
      <c r="Q39" s="349">
        <v>89.7</v>
      </c>
      <c r="R39" s="349">
        <v>-3.7</v>
      </c>
      <c r="S39" s="349">
        <v>92.9</v>
      </c>
      <c r="T39" s="349">
        <v>16.3</v>
      </c>
      <c r="U39" s="349">
        <v>81</v>
      </c>
      <c r="V39" s="349">
        <v>-19.399999999999999</v>
      </c>
      <c r="W39" s="349">
        <v>81.5</v>
      </c>
      <c r="X39" s="349">
        <v>-2</v>
      </c>
      <c r="Y39" s="349">
        <v>145.4</v>
      </c>
      <c r="Z39" s="349">
        <v>14.2</v>
      </c>
      <c r="AA39" s="349">
        <v>107.4</v>
      </c>
      <c r="AB39" s="349">
        <v>4.5</v>
      </c>
      <c r="AC39" s="349">
        <v>83.9</v>
      </c>
      <c r="AD39" s="349">
        <v>23.2</v>
      </c>
      <c r="AE39" s="349">
        <v>102.8</v>
      </c>
      <c r="AF39" s="349">
        <v>7</v>
      </c>
      <c r="AG39" s="360">
        <v>81.099999999999994</v>
      </c>
      <c r="AH39" s="360">
        <v>9.6</v>
      </c>
      <c r="AI39" s="349">
        <v>105.4</v>
      </c>
      <c r="AJ39" s="349">
        <v>10.4</v>
      </c>
      <c r="AK39" s="129"/>
    </row>
    <row r="40" spans="1:37" s="326" customFormat="1" ht="15" customHeight="1" x14ac:dyDescent="0.15">
      <c r="A40" s="547"/>
      <c r="B40" s="23">
        <v>30</v>
      </c>
      <c r="C40" s="347" t="s">
        <v>0</v>
      </c>
      <c r="D40" s="348" t="s">
        <v>238</v>
      </c>
      <c r="E40" s="351">
        <v>95.1</v>
      </c>
      <c r="F40" s="352">
        <v>2.4</v>
      </c>
      <c r="G40" s="351">
        <v>92.6</v>
      </c>
      <c r="H40" s="351">
        <v>-0.8</v>
      </c>
      <c r="I40" s="351">
        <v>93.7</v>
      </c>
      <c r="J40" s="351">
        <v>4.8</v>
      </c>
      <c r="K40" s="351">
        <v>79.7</v>
      </c>
      <c r="L40" s="351">
        <v>-14.4</v>
      </c>
      <c r="M40" s="351">
        <v>97.6</v>
      </c>
      <c r="N40" s="351">
        <v>2.7</v>
      </c>
      <c r="O40" s="351">
        <v>89.8</v>
      </c>
      <c r="P40" s="351">
        <v>-8.9</v>
      </c>
      <c r="Q40" s="351">
        <v>88.8</v>
      </c>
      <c r="R40" s="351">
        <v>-4.5</v>
      </c>
      <c r="S40" s="351">
        <v>100</v>
      </c>
      <c r="T40" s="351">
        <v>31.6</v>
      </c>
      <c r="U40" s="351">
        <v>90.3</v>
      </c>
      <c r="V40" s="351">
        <v>-30.5</v>
      </c>
      <c r="W40" s="351">
        <v>84.2</v>
      </c>
      <c r="X40" s="351">
        <v>1.1000000000000001</v>
      </c>
      <c r="Y40" s="351">
        <v>141.30000000000001</v>
      </c>
      <c r="Z40" s="351">
        <v>-12.7</v>
      </c>
      <c r="AA40" s="351">
        <v>114.8</v>
      </c>
      <c r="AB40" s="351">
        <v>5.7</v>
      </c>
      <c r="AC40" s="351">
        <v>84.2</v>
      </c>
      <c r="AD40" s="351">
        <v>16.899999999999999</v>
      </c>
      <c r="AE40" s="351">
        <v>102.2</v>
      </c>
      <c r="AF40" s="351">
        <v>3.8</v>
      </c>
      <c r="AG40" s="361">
        <v>88.6</v>
      </c>
      <c r="AH40" s="361">
        <v>0.6</v>
      </c>
      <c r="AI40" s="351">
        <v>100.9</v>
      </c>
      <c r="AJ40" s="351">
        <v>11</v>
      </c>
      <c r="AK40" s="129"/>
    </row>
    <row r="41" spans="1:37" s="326" customFormat="1" ht="15" customHeight="1" x14ac:dyDescent="0.15">
      <c r="A41" s="547"/>
      <c r="B41" s="597" t="s">
        <v>209</v>
      </c>
      <c r="C41" s="347" t="s">
        <v>0</v>
      </c>
      <c r="D41" s="348" t="s">
        <v>239</v>
      </c>
      <c r="E41" s="349">
        <v>92.6</v>
      </c>
      <c r="F41" s="350">
        <v>1.4</v>
      </c>
      <c r="G41" s="349">
        <v>92.1</v>
      </c>
      <c r="H41" s="349">
        <v>3.4</v>
      </c>
      <c r="I41" s="349">
        <v>88</v>
      </c>
      <c r="J41" s="349">
        <v>2.6</v>
      </c>
      <c r="K41" s="349">
        <v>80.599999999999994</v>
      </c>
      <c r="L41" s="349">
        <v>-11.9</v>
      </c>
      <c r="M41" s="349">
        <v>96.8</v>
      </c>
      <c r="N41" s="349">
        <v>8.9</v>
      </c>
      <c r="O41" s="349">
        <v>81</v>
      </c>
      <c r="P41" s="349">
        <v>2.2999999999999998</v>
      </c>
      <c r="Q41" s="349">
        <v>92.7</v>
      </c>
      <c r="R41" s="349">
        <v>-5.4</v>
      </c>
      <c r="S41" s="349">
        <v>86.1</v>
      </c>
      <c r="T41" s="349">
        <v>13.7</v>
      </c>
      <c r="U41" s="349">
        <v>84.9</v>
      </c>
      <c r="V41" s="349">
        <v>-12.5</v>
      </c>
      <c r="W41" s="349">
        <v>95</v>
      </c>
      <c r="X41" s="349">
        <v>1.7</v>
      </c>
      <c r="Y41" s="349">
        <v>138.6</v>
      </c>
      <c r="Z41" s="349">
        <v>13.3</v>
      </c>
      <c r="AA41" s="349">
        <v>116.3</v>
      </c>
      <c r="AB41" s="349">
        <v>8.4</v>
      </c>
      <c r="AC41" s="349">
        <v>78.400000000000006</v>
      </c>
      <c r="AD41" s="349">
        <v>6.5</v>
      </c>
      <c r="AE41" s="349">
        <v>95.3</v>
      </c>
      <c r="AF41" s="349">
        <v>-7.6</v>
      </c>
      <c r="AG41" s="360">
        <v>84.2</v>
      </c>
      <c r="AH41" s="360">
        <v>-0.9</v>
      </c>
      <c r="AI41" s="349">
        <v>100.7</v>
      </c>
      <c r="AJ41" s="349">
        <v>11.8</v>
      </c>
      <c r="AK41" s="129"/>
    </row>
    <row r="42" spans="1:37" s="326" customFormat="1" ht="15" customHeight="1" x14ac:dyDescent="0.15">
      <c r="A42" s="547"/>
      <c r="B42" s="597"/>
      <c r="C42" s="347" t="s">
        <v>0</v>
      </c>
      <c r="D42" s="348" t="s">
        <v>240</v>
      </c>
      <c r="E42" s="351">
        <v>177</v>
      </c>
      <c r="F42" s="352">
        <v>8.3000000000000007</v>
      </c>
      <c r="G42" s="351">
        <v>209.6</v>
      </c>
      <c r="H42" s="351">
        <v>10.5</v>
      </c>
      <c r="I42" s="351">
        <v>176.2</v>
      </c>
      <c r="J42" s="351">
        <v>15.8</v>
      </c>
      <c r="K42" s="351">
        <v>214.7</v>
      </c>
      <c r="L42" s="351">
        <v>17.8</v>
      </c>
      <c r="M42" s="351">
        <v>252.7</v>
      </c>
      <c r="N42" s="351">
        <v>1</v>
      </c>
      <c r="O42" s="351">
        <v>131.80000000000001</v>
      </c>
      <c r="P42" s="351">
        <v>4.0999999999999996</v>
      </c>
      <c r="Q42" s="351">
        <v>145.4</v>
      </c>
      <c r="R42" s="351">
        <v>15.9</v>
      </c>
      <c r="S42" s="351">
        <v>201.2</v>
      </c>
      <c r="T42" s="351">
        <v>8.1</v>
      </c>
      <c r="U42" s="351">
        <v>183.7</v>
      </c>
      <c r="V42" s="351">
        <v>-8.1999999999999993</v>
      </c>
      <c r="W42" s="351">
        <v>157.6</v>
      </c>
      <c r="X42" s="351">
        <v>-13.1</v>
      </c>
      <c r="Y42" s="351">
        <v>149.9</v>
      </c>
      <c r="Z42" s="351">
        <v>7.4</v>
      </c>
      <c r="AA42" s="351">
        <v>187.2</v>
      </c>
      <c r="AB42" s="351">
        <v>66.8</v>
      </c>
      <c r="AC42" s="351">
        <v>237.5</v>
      </c>
      <c r="AD42" s="351">
        <v>25.5</v>
      </c>
      <c r="AE42" s="351">
        <v>156</v>
      </c>
      <c r="AF42" s="351">
        <v>-1.6</v>
      </c>
      <c r="AG42" s="361">
        <v>187.2</v>
      </c>
      <c r="AH42" s="351">
        <v>3.2</v>
      </c>
      <c r="AI42" s="351">
        <v>151.80000000000001</v>
      </c>
      <c r="AJ42" s="351">
        <v>9.8000000000000007</v>
      </c>
      <c r="AK42" s="129"/>
    </row>
    <row r="43" spans="1:37" s="326" customFormat="1" ht="15" customHeight="1" x14ac:dyDescent="0.15">
      <c r="A43" s="547"/>
      <c r="B43" s="597"/>
      <c r="C43" s="347" t="s">
        <v>0</v>
      </c>
      <c r="D43" s="348" t="s">
        <v>241</v>
      </c>
      <c r="E43" s="349">
        <v>136.1</v>
      </c>
      <c r="F43" s="350">
        <v>5.3</v>
      </c>
      <c r="G43" s="349">
        <v>139.4</v>
      </c>
      <c r="H43" s="349">
        <v>6.3</v>
      </c>
      <c r="I43" s="349">
        <v>154.6</v>
      </c>
      <c r="J43" s="349">
        <v>-2.1</v>
      </c>
      <c r="K43" s="349">
        <v>81.2</v>
      </c>
      <c r="L43" s="349">
        <v>-9.3000000000000007</v>
      </c>
      <c r="M43" s="349">
        <v>110.6</v>
      </c>
      <c r="N43" s="349">
        <v>0.4</v>
      </c>
      <c r="O43" s="349">
        <v>107.8</v>
      </c>
      <c r="P43" s="349">
        <v>13</v>
      </c>
      <c r="Q43" s="349">
        <v>154.69999999999999</v>
      </c>
      <c r="R43" s="349">
        <v>3.2</v>
      </c>
      <c r="S43" s="349">
        <v>98.2</v>
      </c>
      <c r="T43" s="349">
        <v>14.1</v>
      </c>
      <c r="U43" s="349">
        <v>125.9</v>
      </c>
      <c r="V43" s="349">
        <v>6.6</v>
      </c>
      <c r="W43" s="349">
        <v>167.9</v>
      </c>
      <c r="X43" s="349">
        <v>5.9</v>
      </c>
      <c r="Y43" s="349">
        <v>174.8</v>
      </c>
      <c r="Z43" s="349">
        <v>11.1</v>
      </c>
      <c r="AA43" s="349">
        <v>155</v>
      </c>
      <c r="AB43" s="349">
        <v>-5.2</v>
      </c>
      <c r="AC43" s="349">
        <v>86.3</v>
      </c>
      <c r="AD43" s="349">
        <v>1.3</v>
      </c>
      <c r="AE43" s="349">
        <v>123.5</v>
      </c>
      <c r="AF43" s="349">
        <v>8</v>
      </c>
      <c r="AG43" s="360">
        <v>94.7</v>
      </c>
      <c r="AH43" s="349">
        <v>12.1</v>
      </c>
      <c r="AI43" s="349">
        <v>142.1</v>
      </c>
      <c r="AJ43" s="349">
        <v>26.1</v>
      </c>
      <c r="AK43" s="129"/>
    </row>
    <row r="44" spans="1:37" s="326" customFormat="1" ht="15" customHeight="1" x14ac:dyDescent="0.15">
      <c r="A44" s="547"/>
      <c r="B44" s="38"/>
      <c r="C44" s="347" t="s">
        <v>0</v>
      </c>
      <c r="D44" s="348" t="s">
        <v>242</v>
      </c>
      <c r="E44" s="351">
        <v>91.3</v>
      </c>
      <c r="F44" s="352">
        <v>0.2</v>
      </c>
      <c r="G44" s="351">
        <v>99.8</v>
      </c>
      <c r="H44" s="351">
        <v>4.2</v>
      </c>
      <c r="I44" s="351">
        <v>89.4</v>
      </c>
      <c r="J44" s="351">
        <v>1.5</v>
      </c>
      <c r="K44" s="351">
        <v>90.9</v>
      </c>
      <c r="L44" s="351">
        <v>-0.9</v>
      </c>
      <c r="M44" s="351">
        <v>93.6</v>
      </c>
      <c r="N44" s="351">
        <v>6.6</v>
      </c>
      <c r="O44" s="351">
        <v>76.3</v>
      </c>
      <c r="P44" s="351">
        <v>-1.7</v>
      </c>
      <c r="Q44" s="351">
        <v>89.8</v>
      </c>
      <c r="R44" s="351">
        <v>-2.4</v>
      </c>
      <c r="S44" s="351">
        <v>78.3</v>
      </c>
      <c r="T44" s="351">
        <v>3.8</v>
      </c>
      <c r="U44" s="351">
        <v>87.4</v>
      </c>
      <c r="V44" s="351">
        <v>-4.9000000000000004</v>
      </c>
      <c r="W44" s="351">
        <v>81.8</v>
      </c>
      <c r="X44" s="351">
        <v>-14.3</v>
      </c>
      <c r="Y44" s="351">
        <v>153.9</v>
      </c>
      <c r="Z44" s="351">
        <v>23.5</v>
      </c>
      <c r="AA44" s="351">
        <v>114.8</v>
      </c>
      <c r="AB44" s="351">
        <v>4.5</v>
      </c>
      <c r="AC44" s="351">
        <v>76</v>
      </c>
      <c r="AD44" s="351">
        <v>7.8</v>
      </c>
      <c r="AE44" s="351">
        <v>99.3</v>
      </c>
      <c r="AF44" s="351">
        <v>-2.9</v>
      </c>
      <c r="AG44" s="361">
        <v>82.3</v>
      </c>
      <c r="AH44" s="351">
        <v>5.4</v>
      </c>
      <c r="AI44" s="351">
        <v>99.8</v>
      </c>
      <c r="AJ44" s="351">
        <v>7.9</v>
      </c>
      <c r="AK44" s="129"/>
    </row>
    <row r="45" spans="1:37" s="326" customFormat="1" ht="15" customHeight="1" x14ac:dyDescent="0.15">
      <c r="A45" s="547"/>
      <c r="B45" s="38"/>
      <c r="C45" s="347" t="s">
        <v>0</v>
      </c>
      <c r="D45" s="348" t="s">
        <v>243</v>
      </c>
      <c r="E45" s="349">
        <v>91.6</v>
      </c>
      <c r="F45" s="350">
        <v>2.6</v>
      </c>
      <c r="G45" s="349">
        <v>91.1</v>
      </c>
      <c r="H45" s="349">
        <v>4.7</v>
      </c>
      <c r="I45" s="349">
        <v>91.3</v>
      </c>
      <c r="J45" s="349">
        <v>1.7</v>
      </c>
      <c r="K45" s="349">
        <v>78.7</v>
      </c>
      <c r="L45" s="349">
        <v>-13.3</v>
      </c>
      <c r="M45" s="349">
        <v>92.2</v>
      </c>
      <c r="N45" s="349">
        <v>7</v>
      </c>
      <c r="O45" s="349">
        <v>80.3</v>
      </c>
      <c r="P45" s="349">
        <v>3.2</v>
      </c>
      <c r="Q45" s="349">
        <v>90</v>
      </c>
      <c r="R45" s="349">
        <v>-1.3</v>
      </c>
      <c r="S45" s="349">
        <v>84.6</v>
      </c>
      <c r="T45" s="349">
        <v>0.4</v>
      </c>
      <c r="U45" s="349">
        <v>86.8</v>
      </c>
      <c r="V45" s="349">
        <v>-15.5</v>
      </c>
      <c r="W45" s="349">
        <v>82.9</v>
      </c>
      <c r="X45" s="349">
        <v>-1.9</v>
      </c>
      <c r="Y45" s="349">
        <v>138.1</v>
      </c>
      <c r="Z45" s="349">
        <v>17.3</v>
      </c>
      <c r="AA45" s="349">
        <v>114.5</v>
      </c>
      <c r="AB45" s="349">
        <v>10.3</v>
      </c>
      <c r="AC45" s="349">
        <v>75.599999999999994</v>
      </c>
      <c r="AD45" s="349">
        <v>7.4</v>
      </c>
      <c r="AE45" s="349">
        <v>95.1</v>
      </c>
      <c r="AF45" s="349">
        <v>-2.4</v>
      </c>
      <c r="AG45" s="349">
        <v>81.3</v>
      </c>
      <c r="AH45" s="349">
        <v>-16.600000000000001</v>
      </c>
      <c r="AI45" s="349">
        <v>107.5</v>
      </c>
      <c r="AJ45" s="349">
        <v>14</v>
      </c>
      <c r="AK45" s="129"/>
    </row>
    <row r="46" spans="1:37" s="326" customFormat="1" ht="15" customHeight="1" x14ac:dyDescent="0.15">
      <c r="A46" s="547"/>
      <c r="B46" s="38"/>
      <c r="C46" s="347" t="s">
        <v>0</v>
      </c>
      <c r="D46" s="348" t="s">
        <v>244</v>
      </c>
      <c r="E46" s="351">
        <v>94.9</v>
      </c>
      <c r="F46" s="352">
        <v>4.5</v>
      </c>
      <c r="G46" s="351">
        <v>93.1</v>
      </c>
      <c r="H46" s="351">
        <v>3.8</v>
      </c>
      <c r="I46" s="351">
        <v>90.9</v>
      </c>
      <c r="J46" s="351">
        <v>3.2</v>
      </c>
      <c r="K46" s="351">
        <v>98.2</v>
      </c>
      <c r="L46" s="351">
        <v>4.8</v>
      </c>
      <c r="M46" s="351">
        <v>96.8</v>
      </c>
      <c r="N46" s="351">
        <v>1.9</v>
      </c>
      <c r="O46" s="351">
        <v>85.6</v>
      </c>
      <c r="P46" s="351">
        <v>-5.9</v>
      </c>
      <c r="Q46" s="351">
        <v>102</v>
      </c>
      <c r="R46" s="351">
        <v>6.3</v>
      </c>
      <c r="S46" s="351">
        <v>85.2</v>
      </c>
      <c r="T46" s="351">
        <v>10.9</v>
      </c>
      <c r="U46" s="351">
        <v>93.1</v>
      </c>
      <c r="V46" s="351">
        <v>-7.1</v>
      </c>
      <c r="W46" s="351">
        <v>85.6</v>
      </c>
      <c r="X46" s="351">
        <v>-2.5</v>
      </c>
      <c r="Y46" s="351">
        <v>141.80000000000001</v>
      </c>
      <c r="Z46" s="351">
        <v>15.9</v>
      </c>
      <c r="AA46" s="351">
        <v>111.9</v>
      </c>
      <c r="AB46" s="351">
        <v>3.8</v>
      </c>
      <c r="AC46" s="351">
        <v>79.900000000000006</v>
      </c>
      <c r="AD46" s="351">
        <v>6</v>
      </c>
      <c r="AE46" s="351">
        <v>99.2</v>
      </c>
      <c r="AF46" s="351">
        <v>10.1</v>
      </c>
      <c r="AG46" s="361">
        <v>89.4</v>
      </c>
      <c r="AH46" s="351">
        <v>11.6</v>
      </c>
      <c r="AI46" s="351">
        <v>104.1</v>
      </c>
      <c r="AJ46" s="351">
        <v>11.5</v>
      </c>
      <c r="AK46" s="129"/>
    </row>
    <row r="47" spans="1:37" s="326" customFormat="1" ht="14.25" customHeight="1" x14ac:dyDescent="0.15">
      <c r="A47" s="547"/>
      <c r="B47" s="38"/>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29"/>
    </row>
    <row r="48" spans="1:37" s="326" customFormat="1" ht="14.25" customHeight="1" x14ac:dyDescent="0.15">
      <c r="A48" s="547"/>
      <c r="B48" s="38"/>
      <c r="C48" s="347" t="s">
        <v>234</v>
      </c>
      <c r="D48" s="348" t="s">
        <v>232</v>
      </c>
      <c r="E48" s="349">
        <v>97.3</v>
      </c>
      <c r="F48" s="350">
        <v>4.5</v>
      </c>
      <c r="G48" s="349">
        <v>92.6</v>
      </c>
      <c r="H48" s="349">
        <v>4.5</v>
      </c>
      <c r="I48" s="349">
        <v>96</v>
      </c>
      <c r="J48" s="349">
        <v>3.4</v>
      </c>
      <c r="K48" s="349">
        <v>78.7</v>
      </c>
      <c r="L48" s="349">
        <v>-14.1</v>
      </c>
      <c r="M48" s="349">
        <v>96</v>
      </c>
      <c r="N48" s="349">
        <v>10.9</v>
      </c>
      <c r="O48" s="349">
        <v>80.099999999999994</v>
      </c>
      <c r="P48" s="349">
        <v>-1.1000000000000001</v>
      </c>
      <c r="Q48" s="349">
        <v>97.3</v>
      </c>
      <c r="R48" s="349">
        <v>6.3</v>
      </c>
      <c r="S48" s="349">
        <v>83</v>
      </c>
      <c r="T48" s="349">
        <v>8.4</v>
      </c>
      <c r="U48" s="349">
        <v>94.2</v>
      </c>
      <c r="V48" s="349">
        <v>1.6</v>
      </c>
      <c r="W48" s="349">
        <v>95.4</v>
      </c>
      <c r="X48" s="349">
        <v>3.4</v>
      </c>
      <c r="Y48" s="349">
        <v>145.1</v>
      </c>
      <c r="Z48" s="349">
        <v>23.3</v>
      </c>
      <c r="AA48" s="349">
        <v>116.5</v>
      </c>
      <c r="AB48" s="349">
        <v>-0.5</v>
      </c>
      <c r="AC48" s="349">
        <v>75.099999999999994</v>
      </c>
      <c r="AD48" s="349">
        <v>4.9000000000000004</v>
      </c>
      <c r="AE48" s="349">
        <v>112.6</v>
      </c>
      <c r="AF48" s="349">
        <v>1.4</v>
      </c>
      <c r="AG48" s="349">
        <v>80.5</v>
      </c>
      <c r="AH48" s="349">
        <v>-5</v>
      </c>
      <c r="AI48" s="349">
        <v>104</v>
      </c>
      <c r="AJ48" s="349">
        <v>10.199999999999999</v>
      </c>
      <c r="AK48" s="129"/>
    </row>
    <row r="49" spans="1:36" ht="11.25" customHeight="1" thickBot="1" x14ac:dyDescent="0.2">
      <c r="A49" s="547"/>
      <c r="B49" s="76"/>
      <c r="C49" s="362"/>
      <c r="D49" s="363"/>
      <c r="E49" s="325"/>
      <c r="F49" s="364"/>
      <c r="G49" s="325"/>
      <c r="H49" s="325"/>
      <c r="I49" s="325"/>
      <c r="J49" s="325"/>
      <c r="K49" s="325"/>
      <c r="L49" s="325"/>
      <c r="M49" s="325"/>
      <c r="N49" s="325"/>
      <c r="O49" s="325"/>
      <c r="P49" s="325"/>
      <c r="Q49" s="325"/>
      <c r="R49" s="325"/>
      <c r="S49" s="325"/>
      <c r="T49" s="325"/>
      <c r="U49" s="325"/>
      <c r="V49" s="325"/>
      <c r="W49" s="325"/>
      <c r="X49" s="325"/>
      <c r="Y49" s="325"/>
      <c r="Z49" s="325"/>
      <c r="AA49" s="325"/>
      <c r="AB49" s="325"/>
      <c r="AC49" s="325"/>
      <c r="AD49" s="325"/>
      <c r="AE49" s="325"/>
      <c r="AF49" s="325"/>
      <c r="AG49" s="325"/>
      <c r="AH49" s="325"/>
      <c r="AI49" s="325"/>
      <c r="AJ49" s="325"/>
    </row>
    <row r="50" spans="1:36" ht="14.25" customHeight="1" x14ac:dyDescent="0.15">
      <c r="A50" s="547"/>
      <c r="C50" s="598" t="s">
        <v>210</v>
      </c>
      <c r="D50" s="599"/>
      <c r="E50" s="599"/>
      <c r="F50" s="599"/>
      <c r="G50" s="599"/>
      <c r="H50" s="599"/>
      <c r="I50" s="599"/>
      <c r="J50" s="599"/>
      <c r="K50" s="599"/>
      <c r="L50" s="599"/>
      <c r="M50" s="600"/>
      <c r="N50" s="600"/>
      <c r="O50" s="600"/>
      <c r="P50" s="600"/>
      <c r="Q50" s="600"/>
      <c r="R50" s="600"/>
      <c r="S50" s="600"/>
      <c r="T50" s="600"/>
      <c r="U50" s="600"/>
      <c r="V50" s="600"/>
      <c r="W50" s="600"/>
      <c r="X50" s="600"/>
      <c r="Y50" s="600"/>
      <c r="Z50" s="600"/>
      <c r="AA50" s="600"/>
      <c r="AB50" s="600"/>
      <c r="AC50" s="600"/>
      <c r="AD50" s="600"/>
      <c r="AE50" s="600"/>
      <c r="AF50" s="600"/>
      <c r="AG50" s="9"/>
      <c r="AH50" s="9"/>
      <c r="AI50" s="9"/>
      <c r="AJ50" s="9"/>
    </row>
  </sheetData>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4" orientation="landscape" errors="blank"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534D15-BEBB-4288-81CF-D66AA98A1F7D}">
  <sheetPr codeName="Sheet17">
    <tabColor indexed="52"/>
  </sheetPr>
  <dimension ref="A1:AL52"/>
  <sheetViews>
    <sheetView view="pageBreakPreview" zoomScaleNormal="100" zoomScaleSheetLayoutView="100" workbookViewId="0">
      <selection sqref="A1:A50"/>
    </sheetView>
  </sheetViews>
  <sheetFormatPr defaultRowHeight="13.5" x14ac:dyDescent="0.15"/>
  <cols>
    <col min="1" max="1" width="4.375" style="425" customWidth="1"/>
    <col min="2" max="2" width="2.5" style="367" customWidth="1"/>
    <col min="3" max="3" width="6.625" style="367" customWidth="1"/>
    <col min="4" max="4" width="3.875" style="367" customWidth="1"/>
    <col min="5" max="36" width="4.875" style="367" customWidth="1"/>
    <col min="37" max="37" width="9" style="367"/>
    <col min="38" max="16384" width="9" style="369"/>
  </cols>
  <sheetData>
    <row r="1" spans="1:37" ht="18.75" customHeight="1" x14ac:dyDescent="0.15">
      <c r="A1" s="623" t="s">
        <v>211</v>
      </c>
      <c r="B1" s="366" t="s">
        <v>212</v>
      </c>
      <c r="D1" s="368"/>
      <c r="E1" s="368"/>
      <c r="F1" s="368"/>
      <c r="G1" s="368"/>
      <c r="H1" s="368"/>
      <c r="I1" s="368"/>
      <c r="J1" s="368"/>
      <c r="K1" s="368"/>
      <c r="L1" s="368"/>
      <c r="M1" s="368"/>
      <c r="N1" s="368"/>
      <c r="O1" s="368"/>
      <c r="P1" s="368"/>
      <c r="Q1" s="368"/>
      <c r="R1" s="368"/>
      <c r="S1" s="368"/>
      <c r="T1" s="368"/>
      <c r="U1" s="368"/>
      <c r="V1" s="368"/>
      <c r="W1" s="368"/>
      <c r="X1" s="368"/>
      <c r="Y1" s="368"/>
      <c r="Z1" s="368"/>
      <c r="AA1" s="368"/>
      <c r="AB1" s="368"/>
      <c r="AC1" s="368"/>
      <c r="AD1" s="368"/>
      <c r="AE1" s="368"/>
      <c r="AF1" s="624" t="s">
        <v>213</v>
      </c>
      <c r="AG1" s="624"/>
      <c r="AH1" s="624"/>
      <c r="AI1" s="624"/>
      <c r="AJ1" s="624"/>
    </row>
    <row r="2" spans="1:37" s="375" customFormat="1" ht="3.75" customHeight="1" thickBot="1" x14ac:dyDescent="0.2">
      <c r="A2" s="623"/>
      <c r="B2" s="370"/>
      <c r="C2" s="371"/>
      <c r="D2" s="371"/>
      <c r="E2" s="371"/>
      <c r="F2" s="371"/>
      <c r="G2" s="372"/>
      <c r="H2" s="625"/>
      <c r="I2" s="625"/>
      <c r="J2" s="625"/>
      <c r="K2" s="625"/>
      <c r="L2" s="625"/>
      <c r="M2" s="371"/>
      <c r="N2" s="371"/>
      <c r="O2" s="371"/>
      <c r="P2" s="625"/>
      <c r="Q2" s="625"/>
      <c r="R2" s="625"/>
      <c r="S2" s="625"/>
      <c r="T2" s="625"/>
      <c r="U2" s="371"/>
      <c r="V2" s="371"/>
      <c r="W2" s="371"/>
      <c r="X2" s="371"/>
      <c r="Y2" s="371"/>
      <c r="Z2" s="371"/>
      <c r="AA2" s="371"/>
      <c r="AB2" s="373"/>
      <c r="AC2" s="373"/>
      <c r="AD2" s="373"/>
      <c r="AE2" s="373"/>
      <c r="AF2" s="374"/>
      <c r="AG2" s="374"/>
      <c r="AH2" s="374"/>
      <c r="AI2" s="374"/>
      <c r="AJ2" s="374"/>
      <c r="AK2" s="373"/>
    </row>
    <row r="3" spans="1:37" s="375" customFormat="1" ht="6" customHeight="1" x14ac:dyDescent="0.15">
      <c r="A3" s="623"/>
      <c r="B3" s="376"/>
      <c r="C3" s="626"/>
      <c r="D3" s="627"/>
      <c r="E3" s="377"/>
      <c r="F3" s="378"/>
      <c r="G3" s="379"/>
      <c r="H3" s="380"/>
      <c r="I3" s="377"/>
      <c r="J3" s="380"/>
      <c r="K3" s="377"/>
      <c r="L3" s="380"/>
      <c r="M3" s="377"/>
      <c r="N3" s="380"/>
      <c r="O3" s="377"/>
      <c r="P3" s="380"/>
      <c r="Q3" s="377"/>
      <c r="R3" s="380"/>
      <c r="S3" s="377"/>
      <c r="T3" s="379"/>
      <c r="U3" s="377"/>
      <c r="V3" s="380"/>
      <c r="W3" s="377"/>
      <c r="X3" s="380"/>
      <c r="Y3" s="377"/>
      <c r="Z3" s="380"/>
      <c r="AA3" s="377"/>
      <c r="AB3" s="380"/>
      <c r="AC3" s="377"/>
      <c r="AD3" s="379"/>
      <c r="AE3" s="377"/>
      <c r="AF3" s="380"/>
      <c r="AG3" s="377"/>
      <c r="AH3" s="380"/>
      <c r="AI3" s="377"/>
      <c r="AJ3" s="379"/>
      <c r="AK3" s="373"/>
    </row>
    <row r="4" spans="1:37" s="375" customFormat="1" ht="10.5" customHeight="1" x14ac:dyDescent="0.15">
      <c r="A4" s="623"/>
      <c r="B4" s="370"/>
      <c r="C4" s="628"/>
      <c r="D4" s="629"/>
      <c r="E4" s="617" t="s">
        <v>90</v>
      </c>
      <c r="F4" s="632"/>
      <c r="G4" s="633" t="s">
        <v>1</v>
      </c>
      <c r="H4" s="618"/>
      <c r="I4" s="617" t="s">
        <v>2</v>
      </c>
      <c r="J4" s="618"/>
      <c r="K4" s="617" t="s">
        <v>183</v>
      </c>
      <c r="L4" s="618"/>
      <c r="M4" s="617" t="s">
        <v>184</v>
      </c>
      <c r="N4" s="619"/>
      <c r="O4" s="617" t="s">
        <v>185</v>
      </c>
      <c r="P4" s="619"/>
      <c r="Q4" s="617" t="s">
        <v>186</v>
      </c>
      <c r="R4" s="619"/>
      <c r="S4" s="617" t="s">
        <v>187</v>
      </c>
      <c r="T4" s="619"/>
      <c r="U4" s="617" t="s">
        <v>188</v>
      </c>
      <c r="V4" s="619"/>
      <c r="W4" s="620" t="s">
        <v>189</v>
      </c>
      <c r="X4" s="621"/>
      <c r="Y4" s="617" t="s">
        <v>190</v>
      </c>
      <c r="Z4" s="622"/>
      <c r="AA4" s="620" t="s">
        <v>191</v>
      </c>
      <c r="AB4" s="621"/>
      <c r="AC4" s="617" t="s">
        <v>192</v>
      </c>
      <c r="AD4" s="622"/>
      <c r="AE4" s="617" t="s">
        <v>193</v>
      </c>
      <c r="AF4" s="622"/>
      <c r="AG4" s="617" t="s">
        <v>194</v>
      </c>
      <c r="AH4" s="622"/>
      <c r="AI4" s="617" t="s">
        <v>195</v>
      </c>
      <c r="AJ4" s="634"/>
      <c r="AK4" s="373"/>
    </row>
    <row r="5" spans="1:37" s="375" customFormat="1" ht="10.5" customHeight="1" x14ac:dyDescent="0.15">
      <c r="A5" s="623"/>
      <c r="B5" s="370"/>
      <c r="C5" s="628"/>
      <c r="D5" s="629"/>
      <c r="E5" s="381"/>
      <c r="F5" s="382"/>
      <c r="G5" s="383"/>
      <c r="H5" s="384"/>
      <c r="I5" s="381"/>
      <c r="J5" s="384"/>
      <c r="K5" s="620" t="s">
        <v>196</v>
      </c>
      <c r="L5" s="621"/>
      <c r="M5" s="635"/>
      <c r="N5" s="619"/>
      <c r="O5" s="636" t="s">
        <v>197</v>
      </c>
      <c r="P5" s="619"/>
      <c r="Q5" s="617" t="s">
        <v>198</v>
      </c>
      <c r="R5" s="619"/>
      <c r="S5" s="617" t="s">
        <v>199</v>
      </c>
      <c r="T5" s="619"/>
      <c r="U5" s="617" t="s">
        <v>200</v>
      </c>
      <c r="V5" s="619"/>
      <c r="W5" s="620" t="s">
        <v>201</v>
      </c>
      <c r="X5" s="621"/>
      <c r="Y5" s="620" t="s">
        <v>202</v>
      </c>
      <c r="Z5" s="621"/>
      <c r="AA5" s="617" t="s">
        <v>203</v>
      </c>
      <c r="AB5" s="619"/>
      <c r="AC5" s="617" t="s">
        <v>204</v>
      </c>
      <c r="AD5" s="622"/>
      <c r="AE5" s="617"/>
      <c r="AF5" s="619"/>
      <c r="AG5" s="617" t="s">
        <v>205</v>
      </c>
      <c r="AH5" s="619"/>
      <c r="AI5" s="617"/>
      <c r="AJ5" s="637"/>
      <c r="AK5" s="373"/>
    </row>
    <row r="6" spans="1:37" s="386" customFormat="1" ht="15" customHeight="1" x14ac:dyDescent="0.15">
      <c r="A6" s="623"/>
      <c r="B6" s="385"/>
      <c r="C6" s="628"/>
      <c r="D6" s="629"/>
      <c r="E6" s="638" t="s">
        <v>206</v>
      </c>
      <c r="F6" s="639"/>
      <c r="G6" s="640" t="s">
        <v>206</v>
      </c>
      <c r="H6" s="641"/>
      <c r="I6" s="638" t="s">
        <v>206</v>
      </c>
      <c r="J6" s="641"/>
      <c r="K6" s="638" t="s">
        <v>206</v>
      </c>
      <c r="L6" s="641"/>
      <c r="M6" s="638" t="s">
        <v>206</v>
      </c>
      <c r="N6" s="641"/>
      <c r="O6" s="638" t="s">
        <v>206</v>
      </c>
      <c r="P6" s="641"/>
      <c r="Q6" s="638" t="s">
        <v>206</v>
      </c>
      <c r="R6" s="641"/>
      <c r="S6" s="638" t="s">
        <v>206</v>
      </c>
      <c r="T6" s="641"/>
      <c r="U6" s="638" t="s">
        <v>206</v>
      </c>
      <c r="V6" s="641"/>
      <c r="W6" s="638" t="s">
        <v>206</v>
      </c>
      <c r="X6" s="641"/>
      <c r="Y6" s="638" t="s">
        <v>206</v>
      </c>
      <c r="Z6" s="641"/>
      <c r="AA6" s="638" t="s">
        <v>206</v>
      </c>
      <c r="AB6" s="641"/>
      <c r="AC6" s="638" t="s">
        <v>206</v>
      </c>
      <c r="AD6" s="641"/>
      <c r="AE6" s="638" t="s">
        <v>206</v>
      </c>
      <c r="AF6" s="641"/>
      <c r="AG6" s="638" t="s">
        <v>206</v>
      </c>
      <c r="AH6" s="641"/>
      <c r="AI6" s="638" t="s">
        <v>206</v>
      </c>
      <c r="AJ6" s="640"/>
      <c r="AK6" s="371"/>
    </row>
    <row r="7" spans="1:37" s="375" customFormat="1" ht="7.5" customHeight="1" x14ac:dyDescent="0.15">
      <c r="A7" s="623"/>
      <c r="B7" s="387"/>
      <c r="C7" s="630"/>
      <c r="D7" s="631"/>
      <c r="E7" s="388"/>
      <c r="F7" s="389" t="s">
        <v>165</v>
      </c>
      <c r="G7" s="390"/>
      <c r="H7" s="391" t="s">
        <v>165</v>
      </c>
      <c r="I7" s="388"/>
      <c r="J7" s="391" t="s">
        <v>165</v>
      </c>
      <c r="K7" s="388"/>
      <c r="L7" s="391" t="s">
        <v>165</v>
      </c>
      <c r="M7" s="388"/>
      <c r="N7" s="391" t="s">
        <v>165</v>
      </c>
      <c r="O7" s="388"/>
      <c r="P7" s="391" t="s">
        <v>165</v>
      </c>
      <c r="Q7" s="388"/>
      <c r="R7" s="391" t="s">
        <v>165</v>
      </c>
      <c r="S7" s="388"/>
      <c r="T7" s="391" t="s">
        <v>165</v>
      </c>
      <c r="U7" s="388"/>
      <c r="V7" s="391" t="s">
        <v>165</v>
      </c>
      <c r="W7" s="388"/>
      <c r="X7" s="391" t="s">
        <v>165</v>
      </c>
      <c r="Y7" s="388"/>
      <c r="Z7" s="391" t="s">
        <v>165</v>
      </c>
      <c r="AA7" s="388"/>
      <c r="AB7" s="391" t="s">
        <v>165</v>
      </c>
      <c r="AC7" s="388"/>
      <c r="AD7" s="391" t="s">
        <v>165</v>
      </c>
      <c r="AE7" s="388"/>
      <c r="AF7" s="391" t="s">
        <v>165</v>
      </c>
      <c r="AG7" s="388"/>
      <c r="AH7" s="391" t="s">
        <v>165</v>
      </c>
      <c r="AI7" s="388"/>
      <c r="AJ7" s="392" t="s">
        <v>165</v>
      </c>
      <c r="AK7" s="373"/>
    </row>
    <row r="8" spans="1:37" s="375" customFormat="1" ht="11.25" customHeight="1" x14ac:dyDescent="0.15">
      <c r="A8" s="623"/>
      <c r="B8" s="643" t="s">
        <v>207</v>
      </c>
      <c r="C8" s="393"/>
      <c r="D8" s="394"/>
      <c r="E8" s="395"/>
      <c r="F8" s="396"/>
      <c r="G8" s="395"/>
      <c r="H8" s="395"/>
      <c r="I8" s="395"/>
      <c r="J8" s="395"/>
      <c r="K8" s="395"/>
      <c r="L8" s="395"/>
      <c r="M8" s="395"/>
      <c r="N8" s="395"/>
      <c r="O8" s="395"/>
      <c r="P8" s="395"/>
      <c r="Q8" s="395"/>
      <c r="R8" s="395"/>
      <c r="S8" s="395"/>
      <c r="T8" s="395"/>
      <c r="U8" s="395"/>
      <c r="V8" s="395"/>
      <c r="W8" s="395"/>
      <c r="X8" s="395"/>
      <c r="Y8" s="395"/>
      <c r="Z8" s="395"/>
      <c r="AA8" s="395"/>
      <c r="AB8" s="395"/>
      <c r="AC8" s="395"/>
      <c r="AD8" s="395"/>
      <c r="AE8" s="395"/>
      <c r="AF8" s="395"/>
      <c r="AG8" s="395"/>
      <c r="AH8" s="395"/>
      <c r="AI8" s="395"/>
      <c r="AJ8" s="395"/>
      <c r="AK8" s="373"/>
    </row>
    <row r="9" spans="1:37" s="375" customFormat="1" ht="13.5" customHeight="1" x14ac:dyDescent="0.15">
      <c r="A9" s="623"/>
      <c r="B9" s="644"/>
      <c r="C9" s="397" t="s">
        <v>227</v>
      </c>
      <c r="D9" s="398" t="s">
        <v>228</v>
      </c>
      <c r="E9" s="399">
        <v>100</v>
      </c>
      <c r="F9" s="400">
        <v>0</v>
      </c>
      <c r="G9" s="399">
        <v>103</v>
      </c>
      <c r="H9" s="399">
        <v>3</v>
      </c>
      <c r="I9" s="399">
        <v>103.4</v>
      </c>
      <c r="J9" s="399">
        <v>3.4</v>
      </c>
      <c r="K9" s="399">
        <v>100.8</v>
      </c>
      <c r="L9" s="399">
        <v>0.8</v>
      </c>
      <c r="M9" s="399">
        <v>104.4</v>
      </c>
      <c r="N9" s="399">
        <v>4.4000000000000004</v>
      </c>
      <c r="O9" s="399">
        <v>91.4</v>
      </c>
      <c r="P9" s="399">
        <v>-8.6</v>
      </c>
      <c r="Q9" s="399">
        <v>96.3</v>
      </c>
      <c r="R9" s="399">
        <v>-3.7</v>
      </c>
      <c r="S9" s="399">
        <v>98.4</v>
      </c>
      <c r="T9" s="399">
        <v>-1.6</v>
      </c>
      <c r="U9" s="399">
        <v>113.9</v>
      </c>
      <c r="V9" s="399">
        <v>13.9</v>
      </c>
      <c r="W9" s="399">
        <v>99</v>
      </c>
      <c r="X9" s="399">
        <v>-1</v>
      </c>
      <c r="Y9" s="399">
        <v>109.9</v>
      </c>
      <c r="Z9" s="399">
        <v>9.9</v>
      </c>
      <c r="AA9" s="399">
        <v>111.9</v>
      </c>
      <c r="AB9" s="399">
        <v>11.9</v>
      </c>
      <c r="AC9" s="399">
        <v>104.1</v>
      </c>
      <c r="AD9" s="399">
        <v>4.0999999999999996</v>
      </c>
      <c r="AE9" s="399">
        <v>94.2</v>
      </c>
      <c r="AF9" s="399">
        <v>-5.8</v>
      </c>
      <c r="AG9" s="399">
        <v>101.3</v>
      </c>
      <c r="AH9" s="399">
        <v>1.3</v>
      </c>
      <c r="AI9" s="399">
        <v>100</v>
      </c>
      <c r="AJ9" s="399">
        <v>0</v>
      </c>
      <c r="AK9" s="373"/>
    </row>
    <row r="10" spans="1:37" s="375" customFormat="1" ht="13.5" customHeight="1" x14ac:dyDescent="0.15">
      <c r="A10" s="623"/>
      <c r="B10" s="644"/>
      <c r="C10" s="397" t="s">
        <v>227</v>
      </c>
      <c r="D10" s="398" t="s">
        <v>229</v>
      </c>
      <c r="E10" s="401">
        <v>97</v>
      </c>
      <c r="F10" s="402">
        <v>-3</v>
      </c>
      <c r="G10" s="401">
        <v>111.8</v>
      </c>
      <c r="H10" s="401">
        <v>8.5</v>
      </c>
      <c r="I10" s="401">
        <v>99.2</v>
      </c>
      <c r="J10" s="401">
        <v>-4.0999999999999996</v>
      </c>
      <c r="K10" s="401">
        <v>96</v>
      </c>
      <c r="L10" s="401">
        <v>-4.8</v>
      </c>
      <c r="M10" s="401">
        <v>112.5</v>
      </c>
      <c r="N10" s="401">
        <v>7.8</v>
      </c>
      <c r="O10" s="401">
        <v>89</v>
      </c>
      <c r="P10" s="401">
        <v>-2.6</v>
      </c>
      <c r="Q10" s="401">
        <v>94</v>
      </c>
      <c r="R10" s="401">
        <v>-2.4</v>
      </c>
      <c r="S10" s="401">
        <v>96.9</v>
      </c>
      <c r="T10" s="401">
        <v>-1.5</v>
      </c>
      <c r="U10" s="401">
        <v>117</v>
      </c>
      <c r="V10" s="401">
        <v>2.7</v>
      </c>
      <c r="W10" s="401">
        <v>103.3</v>
      </c>
      <c r="X10" s="401">
        <v>4.3</v>
      </c>
      <c r="Y10" s="401">
        <v>121.4</v>
      </c>
      <c r="Z10" s="401">
        <v>10.5</v>
      </c>
      <c r="AA10" s="401">
        <v>99.8</v>
      </c>
      <c r="AB10" s="401">
        <v>-10.8</v>
      </c>
      <c r="AC10" s="401">
        <v>83.4</v>
      </c>
      <c r="AD10" s="401">
        <v>-19.899999999999999</v>
      </c>
      <c r="AE10" s="401">
        <v>97.5</v>
      </c>
      <c r="AF10" s="401">
        <v>3.5</v>
      </c>
      <c r="AG10" s="401">
        <v>93.3</v>
      </c>
      <c r="AH10" s="401">
        <v>-7.9</v>
      </c>
      <c r="AI10" s="401">
        <v>94.2</v>
      </c>
      <c r="AJ10" s="401">
        <v>-5.8</v>
      </c>
      <c r="AK10" s="373"/>
    </row>
    <row r="11" spans="1:37" s="375" customFormat="1" ht="13.5" customHeight="1" x14ac:dyDescent="0.15">
      <c r="A11" s="623"/>
      <c r="B11" s="644"/>
      <c r="C11" s="397" t="s">
        <v>227</v>
      </c>
      <c r="D11" s="398" t="s">
        <v>230</v>
      </c>
      <c r="E11" s="399">
        <v>96.3</v>
      </c>
      <c r="F11" s="400">
        <v>-0.7</v>
      </c>
      <c r="G11" s="399">
        <v>108.3</v>
      </c>
      <c r="H11" s="399">
        <v>-3.1</v>
      </c>
      <c r="I11" s="399">
        <v>105.4</v>
      </c>
      <c r="J11" s="399">
        <v>6.3</v>
      </c>
      <c r="K11" s="399">
        <v>90</v>
      </c>
      <c r="L11" s="399">
        <v>-6.3</v>
      </c>
      <c r="M11" s="399">
        <v>110.9</v>
      </c>
      <c r="N11" s="399">
        <v>-1.4</v>
      </c>
      <c r="O11" s="399">
        <v>89.4</v>
      </c>
      <c r="P11" s="399">
        <v>0.4</v>
      </c>
      <c r="Q11" s="399">
        <v>96</v>
      </c>
      <c r="R11" s="399">
        <v>2.1</v>
      </c>
      <c r="S11" s="399">
        <v>89.1</v>
      </c>
      <c r="T11" s="399">
        <v>-8</v>
      </c>
      <c r="U11" s="399">
        <v>118.9</v>
      </c>
      <c r="V11" s="399">
        <v>1.6</v>
      </c>
      <c r="W11" s="399">
        <v>98.6</v>
      </c>
      <c r="X11" s="399">
        <v>-4.5</v>
      </c>
      <c r="Y11" s="399">
        <v>129.4</v>
      </c>
      <c r="Z11" s="399">
        <v>6.6</v>
      </c>
      <c r="AA11" s="399">
        <v>100.8</v>
      </c>
      <c r="AB11" s="399">
        <v>1</v>
      </c>
      <c r="AC11" s="399">
        <v>85</v>
      </c>
      <c r="AD11" s="399">
        <v>1.9</v>
      </c>
      <c r="AE11" s="399">
        <v>94.2</v>
      </c>
      <c r="AF11" s="399">
        <v>-3.4</v>
      </c>
      <c r="AG11" s="399">
        <v>92.2</v>
      </c>
      <c r="AH11" s="399">
        <v>-1.2</v>
      </c>
      <c r="AI11" s="399">
        <v>89.1</v>
      </c>
      <c r="AJ11" s="399">
        <v>-5.4</v>
      </c>
      <c r="AK11" s="373"/>
    </row>
    <row r="12" spans="1:37" s="375" customFormat="1" ht="13.5" customHeight="1" x14ac:dyDescent="0.15">
      <c r="A12" s="623"/>
      <c r="B12" s="644"/>
      <c r="C12" s="397" t="s">
        <v>227</v>
      </c>
      <c r="D12" s="398" t="s">
        <v>231</v>
      </c>
      <c r="E12" s="401">
        <v>96.7</v>
      </c>
      <c r="F12" s="402">
        <v>-1.4</v>
      </c>
      <c r="G12" s="401">
        <v>116.5</v>
      </c>
      <c r="H12" s="401">
        <v>6.5</v>
      </c>
      <c r="I12" s="401">
        <v>102.2</v>
      </c>
      <c r="J12" s="401">
        <v>-3.6</v>
      </c>
      <c r="K12" s="401">
        <v>97.8</v>
      </c>
      <c r="L12" s="401">
        <v>8.5</v>
      </c>
      <c r="M12" s="401">
        <v>107.2</v>
      </c>
      <c r="N12" s="401">
        <v>-3.8</v>
      </c>
      <c r="O12" s="401">
        <v>87.6</v>
      </c>
      <c r="P12" s="401">
        <v>-1.4</v>
      </c>
      <c r="Q12" s="401">
        <v>86.2</v>
      </c>
      <c r="R12" s="401">
        <v>-9.6999999999999993</v>
      </c>
      <c r="S12" s="401">
        <v>91.5</v>
      </c>
      <c r="T12" s="401">
        <v>2.2000000000000002</v>
      </c>
      <c r="U12" s="401">
        <v>100.4</v>
      </c>
      <c r="V12" s="401">
        <v>-13.1</v>
      </c>
      <c r="W12" s="401">
        <v>104.2</v>
      </c>
      <c r="X12" s="401">
        <v>2.2999999999999998</v>
      </c>
      <c r="Y12" s="401">
        <v>107.3</v>
      </c>
      <c r="Z12" s="401">
        <v>-14.6</v>
      </c>
      <c r="AA12" s="401">
        <v>100.2</v>
      </c>
      <c r="AB12" s="401">
        <v>0.6</v>
      </c>
      <c r="AC12" s="401">
        <v>91.1</v>
      </c>
      <c r="AD12" s="401">
        <v>-0.5</v>
      </c>
      <c r="AE12" s="401">
        <v>99.1</v>
      </c>
      <c r="AF12" s="401">
        <v>5.2</v>
      </c>
      <c r="AG12" s="401">
        <v>96.7</v>
      </c>
      <c r="AH12" s="401">
        <v>5.3</v>
      </c>
      <c r="AI12" s="401">
        <v>96.7</v>
      </c>
      <c r="AJ12" s="401">
        <v>8.3000000000000007</v>
      </c>
      <c r="AK12" s="373"/>
    </row>
    <row r="13" spans="1:37" s="375" customFormat="1" ht="13.5" customHeight="1" x14ac:dyDescent="0.15">
      <c r="A13" s="623"/>
      <c r="B13" s="644"/>
      <c r="C13" s="397"/>
      <c r="D13" s="398"/>
      <c r="E13" s="401"/>
      <c r="F13" s="402"/>
      <c r="G13" s="401"/>
      <c r="H13" s="401"/>
      <c r="I13" s="401"/>
      <c r="J13" s="401"/>
      <c r="K13" s="401"/>
      <c r="L13" s="401"/>
      <c r="M13" s="401"/>
      <c r="N13" s="401"/>
      <c r="O13" s="401"/>
      <c r="P13" s="401"/>
      <c r="Q13" s="401"/>
      <c r="R13" s="401"/>
      <c r="S13" s="401"/>
      <c r="T13" s="401"/>
      <c r="U13" s="401"/>
      <c r="V13" s="401"/>
      <c r="W13" s="401"/>
      <c r="X13" s="401"/>
      <c r="Y13" s="401"/>
      <c r="Z13" s="401"/>
      <c r="AA13" s="401"/>
      <c r="AB13" s="401"/>
      <c r="AC13" s="401"/>
      <c r="AD13" s="401"/>
      <c r="AE13" s="401"/>
      <c r="AF13" s="401"/>
      <c r="AG13" s="401"/>
      <c r="AH13" s="401"/>
      <c r="AI13" s="401"/>
      <c r="AJ13" s="401"/>
      <c r="AK13" s="373"/>
    </row>
    <row r="14" spans="1:37" s="375" customFormat="1" ht="15" customHeight="1" x14ac:dyDescent="0.15">
      <c r="A14" s="623"/>
      <c r="B14" s="644"/>
      <c r="C14" s="397" t="s">
        <v>208</v>
      </c>
      <c r="D14" s="398" t="s">
        <v>232</v>
      </c>
      <c r="E14" s="399">
        <v>83.5</v>
      </c>
      <c r="F14" s="400">
        <v>-2.6</v>
      </c>
      <c r="G14" s="399">
        <v>108.6</v>
      </c>
      <c r="H14" s="399">
        <v>2.2000000000000002</v>
      </c>
      <c r="I14" s="399">
        <v>85.5</v>
      </c>
      <c r="J14" s="399">
        <v>-5.3</v>
      </c>
      <c r="K14" s="399">
        <v>81.400000000000006</v>
      </c>
      <c r="L14" s="399">
        <v>7.8</v>
      </c>
      <c r="M14" s="399">
        <v>78</v>
      </c>
      <c r="N14" s="399">
        <v>-8.6999999999999993</v>
      </c>
      <c r="O14" s="399">
        <v>77</v>
      </c>
      <c r="P14" s="399">
        <v>-13</v>
      </c>
      <c r="Q14" s="399">
        <v>75.599999999999994</v>
      </c>
      <c r="R14" s="399">
        <v>-12.7</v>
      </c>
      <c r="S14" s="399">
        <v>79.2</v>
      </c>
      <c r="T14" s="399">
        <v>10.199999999999999</v>
      </c>
      <c r="U14" s="399">
        <v>76.2</v>
      </c>
      <c r="V14" s="399">
        <v>-11.5</v>
      </c>
      <c r="W14" s="399">
        <v>84</v>
      </c>
      <c r="X14" s="399">
        <v>1.3</v>
      </c>
      <c r="Y14" s="399">
        <v>101.2</v>
      </c>
      <c r="Z14" s="399">
        <v>-2</v>
      </c>
      <c r="AA14" s="399">
        <v>93.8</v>
      </c>
      <c r="AB14" s="399">
        <v>0.1</v>
      </c>
      <c r="AC14" s="399">
        <v>68.400000000000006</v>
      </c>
      <c r="AD14" s="399">
        <v>-1.3</v>
      </c>
      <c r="AE14" s="399">
        <v>95.6</v>
      </c>
      <c r="AF14" s="399">
        <v>7.2</v>
      </c>
      <c r="AG14" s="399">
        <v>80.599999999999994</v>
      </c>
      <c r="AH14" s="399">
        <v>13.8</v>
      </c>
      <c r="AI14" s="399">
        <v>82.4</v>
      </c>
      <c r="AJ14" s="399">
        <v>5.2</v>
      </c>
      <c r="AK14" s="373"/>
    </row>
    <row r="15" spans="1:37" s="375" customFormat="1" ht="15" customHeight="1" x14ac:dyDescent="0.15">
      <c r="A15" s="623"/>
      <c r="B15" s="644"/>
      <c r="C15" s="397" t="s">
        <v>0</v>
      </c>
      <c r="D15" s="398" t="s">
        <v>233</v>
      </c>
      <c r="E15" s="401">
        <v>169</v>
      </c>
      <c r="F15" s="402">
        <v>-0.4</v>
      </c>
      <c r="G15" s="401">
        <v>191.8</v>
      </c>
      <c r="H15" s="401">
        <v>13.8</v>
      </c>
      <c r="I15" s="401">
        <v>198</v>
      </c>
      <c r="J15" s="401">
        <v>-2.6</v>
      </c>
      <c r="K15" s="401">
        <v>178.3</v>
      </c>
      <c r="L15" s="401">
        <v>4.9000000000000004</v>
      </c>
      <c r="M15" s="401">
        <v>226.5</v>
      </c>
      <c r="N15" s="401">
        <v>-10.8</v>
      </c>
      <c r="O15" s="401">
        <v>138</v>
      </c>
      <c r="P15" s="401">
        <v>2.4</v>
      </c>
      <c r="Q15" s="401">
        <v>128.6</v>
      </c>
      <c r="R15" s="401">
        <v>-18.8</v>
      </c>
      <c r="S15" s="401">
        <v>193</v>
      </c>
      <c r="T15" s="401">
        <v>11</v>
      </c>
      <c r="U15" s="401">
        <v>200.9</v>
      </c>
      <c r="V15" s="401">
        <v>-20.100000000000001</v>
      </c>
      <c r="W15" s="401">
        <v>209.1</v>
      </c>
      <c r="X15" s="401">
        <v>6.1</v>
      </c>
      <c r="Y15" s="401">
        <v>123.5</v>
      </c>
      <c r="Z15" s="401">
        <v>-23.5</v>
      </c>
      <c r="AA15" s="401">
        <v>158</v>
      </c>
      <c r="AB15" s="401">
        <v>15.9</v>
      </c>
      <c r="AC15" s="401">
        <v>209.1</v>
      </c>
      <c r="AD15" s="401">
        <v>11</v>
      </c>
      <c r="AE15" s="401">
        <v>148.69999999999999</v>
      </c>
      <c r="AF15" s="401">
        <v>3.6</v>
      </c>
      <c r="AG15" s="401">
        <v>193.3</v>
      </c>
      <c r="AH15" s="401">
        <v>8.8000000000000007</v>
      </c>
      <c r="AI15" s="401">
        <v>155.1</v>
      </c>
      <c r="AJ15" s="401">
        <v>15.9</v>
      </c>
      <c r="AK15" s="373"/>
    </row>
    <row r="16" spans="1:37" s="375" customFormat="1" ht="15" customHeight="1" x14ac:dyDescent="0.15">
      <c r="A16" s="623"/>
      <c r="B16" s="644"/>
      <c r="C16" s="397" t="s">
        <v>234</v>
      </c>
      <c r="D16" s="398" t="s">
        <v>235</v>
      </c>
      <c r="E16" s="399">
        <v>77.400000000000006</v>
      </c>
      <c r="F16" s="400">
        <v>-4</v>
      </c>
      <c r="G16" s="399">
        <v>83.8</v>
      </c>
      <c r="H16" s="399">
        <v>-14.9</v>
      </c>
      <c r="I16" s="399">
        <v>79.900000000000006</v>
      </c>
      <c r="J16" s="399">
        <v>-2.6</v>
      </c>
      <c r="K16" s="399">
        <v>69.599999999999994</v>
      </c>
      <c r="L16" s="399">
        <v>-13.3</v>
      </c>
      <c r="M16" s="399">
        <v>81.5</v>
      </c>
      <c r="N16" s="399">
        <v>2.2999999999999998</v>
      </c>
      <c r="O16" s="399">
        <v>73.3</v>
      </c>
      <c r="P16" s="399">
        <v>-3.8</v>
      </c>
      <c r="Q16" s="399">
        <v>70.3</v>
      </c>
      <c r="R16" s="399">
        <v>-4.5</v>
      </c>
      <c r="S16" s="399">
        <v>80.2</v>
      </c>
      <c r="T16" s="399">
        <v>19.2</v>
      </c>
      <c r="U16" s="399">
        <v>82.4</v>
      </c>
      <c r="V16" s="399">
        <v>4</v>
      </c>
      <c r="W16" s="399">
        <v>71.7</v>
      </c>
      <c r="X16" s="399">
        <v>-5.4</v>
      </c>
      <c r="Y16" s="399">
        <v>100.6</v>
      </c>
      <c r="Z16" s="399">
        <v>-5.5</v>
      </c>
      <c r="AA16" s="399">
        <v>87</v>
      </c>
      <c r="AB16" s="399">
        <v>-13.3</v>
      </c>
      <c r="AC16" s="399">
        <v>73.2</v>
      </c>
      <c r="AD16" s="399">
        <v>4.4000000000000004</v>
      </c>
      <c r="AE16" s="399">
        <v>81.599999999999994</v>
      </c>
      <c r="AF16" s="399">
        <v>-9</v>
      </c>
      <c r="AG16" s="399">
        <v>73.7</v>
      </c>
      <c r="AH16" s="399">
        <v>-6.4</v>
      </c>
      <c r="AI16" s="399">
        <v>84.8</v>
      </c>
      <c r="AJ16" s="399">
        <v>4.3</v>
      </c>
      <c r="AK16" s="373"/>
    </row>
    <row r="17" spans="1:38" s="375" customFormat="1" ht="15" customHeight="1" x14ac:dyDescent="0.15">
      <c r="A17" s="623"/>
      <c r="B17" s="644"/>
      <c r="C17" s="397" t="s">
        <v>0</v>
      </c>
      <c r="D17" s="398" t="s">
        <v>236</v>
      </c>
      <c r="E17" s="401">
        <v>76</v>
      </c>
      <c r="F17" s="402">
        <v>-5.2</v>
      </c>
      <c r="G17" s="401">
        <v>85.2</v>
      </c>
      <c r="H17" s="401">
        <v>-15.1</v>
      </c>
      <c r="I17" s="401">
        <v>79</v>
      </c>
      <c r="J17" s="401">
        <v>-1.3</v>
      </c>
      <c r="K17" s="401">
        <v>70.099999999999994</v>
      </c>
      <c r="L17" s="401">
        <v>-13.7</v>
      </c>
      <c r="M17" s="401">
        <v>79.400000000000006</v>
      </c>
      <c r="N17" s="401">
        <v>2.7</v>
      </c>
      <c r="O17" s="401">
        <v>71.8</v>
      </c>
      <c r="P17" s="401">
        <v>2.1</v>
      </c>
      <c r="Q17" s="401">
        <v>67.3</v>
      </c>
      <c r="R17" s="401">
        <v>-6.8</v>
      </c>
      <c r="S17" s="401">
        <v>74.8</v>
      </c>
      <c r="T17" s="401">
        <v>13.2</v>
      </c>
      <c r="U17" s="401">
        <v>77.3</v>
      </c>
      <c r="V17" s="401">
        <v>2</v>
      </c>
      <c r="W17" s="401">
        <v>72.599999999999994</v>
      </c>
      <c r="X17" s="401">
        <v>-9.9</v>
      </c>
      <c r="Y17" s="401">
        <v>97.1</v>
      </c>
      <c r="Z17" s="401">
        <v>-17.399999999999999</v>
      </c>
      <c r="AA17" s="401">
        <v>83.6</v>
      </c>
      <c r="AB17" s="401">
        <v>-6.4</v>
      </c>
      <c r="AC17" s="401">
        <v>73</v>
      </c>
      <c r="AD17" s="401">
        <v>0.7</v>
      </c>
      <c r="AE17" s="401">
        <v>80.900000000000006</v>
      </c>
      <c r="AF17" s="401">
        <v>-8.1999999999999993</v>
      </c>
      <c r="AG17" s="401">
        <v>76</v>
      </c>
      <c r="AH17" s="401">
        <v>-3.8</v>
      </c>
      <c r="AI17" s="401">
        <v>82.3</v>
      </c>
      <c r="AJ17" s="401">
        <v>-4</v>
      </c>
      <c r="AK17" s="373"/>
    </row>
    <row r="18" spans="1:38" s="375" customFormat="1" ht="15" customHeight="1" x14ac:dyDescent="0.15">
      <c r="A18" s="623"/>
      <c r="B18" s="644"/>
      <c r="C18" s="397" t="s">
        <v>0</v>
      </c>
      <c r="D18" s="398" t="s">
        <v>237</v>
      </c>
      <c r="E18" s="399">
        <v>81.3</v>
      </c>
      <c r="F18" s="400">
        <v>-1.2</v>
      </c>
      <c r="G18" s="399">
        <v>87.3</v>
      </c>
      <c r="H18" s="399">
        <v>-12.3</v>
      </c>
      <c r="I18" s="399">
        <v>82.6</v>
      </c>
      <c r="J18" s="399">
        <v>-3.2</v>
      </c>
      <c r="K18" s="399">
        <v>76.599999999999994</v>
      </c>
      <c r="L18" s="399">
        <v>-8.1999999999999993</v>
      </c>
      <c r="M18" s="399">
        <v>84</v>
      </c>
      <c r="N18" s="399">
        <v>2.2999999999999998</v>
      </c>
      <c r="O18" s="399">
        <v>76.3</v>
      </c>
      <c r="P18" s="399">
        <v>2.7</v>
      </c>
      <c r="Q18" s="399">
        <v>72.8</v>
      </c>
      <c r="R18" s="399">
        <v>-6.3</v>
      </c>
      <c r="S18" s="399">
        <v>87.6</v>
      </c>
      <c r="T18" s="399">
        <v>24.6</v>
      </c>
      <c r="U18" s="399">
        <v>80.3</v>
      </c>
      <c r="V18" s="399">
        <v>1</v>
      </c>
      <c r="W18" s="399">
        <v>75.3</v>
      </c>
      <c r="X18" s="399">
        <v>-4.5999999999999996</v>
      </c>
      <c r="Y18" s="399">
        <v>105.3</v>
      </c>
      <c r="Z18" s="399">
        <v>1.4</v>
      </c>
      <c r="AA18" s="399">
        <v>88.6</v>
      </c>
      <c r="AB18" s="399">
        <v>-4.3</v>
      </c>
      <c r="AC18" s="399">
        <v>81.5</v>
      </c>
      <c r="AD18" s="399">
        <v>21.6</v>
      </c>
      <c r="AE18" s="399">
        <v>86.6</v>
      </c>
      <c r="AF18" s="399">
        <v>-3.9</v>
      </c>
      <c r="AG18" s="399">
        <v>79.8</v>
      </c>
      <c r="AH18" s="399">
        <v>1.4</v>
      </c>
      <c r="AI18" s="399">
        <v>90.1</v>
      </c>
      <c r="AJ18" s="399">
        <v>2.5</v>
      </c>
      <c r="AK18" s="373"/>
    </row>
    <row r="19" spans="1:38" s="375" customFormat="1" ht="15" customHeight="1" x14ac:dyDescent="0.15">
      <c r="A19" s="623"/>
      <c r="B19" s="644"/>
      <c r="C19" s="397" t="s">
        <v>0</v>
      </c>
      <c r="D19" s="398" t="s">
        <v>238</v>
      </c>
      <c r="E19" s="401">
        <v>81.7</v>
      </c>
      <c r="F19" s="402">
        <v>-3.3</v>
      </c>
      <c r="G19" s="401">
        <v>91.1</v>
      </c>
      <c r="H19" s="401">
        <v>-17</v>
      </c>
      <c r="I19" s="401">
        <v>84.5</v>
      </c>
      <c r="J19" s="401">
        <v>-0.8</v>
      </c>
      <c r="K19" s="401">
        <v>71</v>
      </c>
      <c r="L19" s="401">
        <v>-15.8</v>
      </c>
      <c r="M19" s="401">
        <v>85.5</v>
      </c>
      <c r="N19" s="401">
        <v>-1.9</v>
      </c>
      <c r="O19" s="401">
        <v>81.099999999999994</v>
      </c>
      <c r="P19" s="401">
        <v>-9.1999999999999993</v>
      </c>
      <c r="Q19" s="401">
        <v>70.900000000000006</v>
      </c>
      <c r="R19" s="401">
        <v>-8.3000000000000007</v>
      </c>
      <c r="S19" s="401">
        <v>89</v>
      </c>
      <c r="T19" s="401">
        <v>25.5</v>
      </c>
      <c r="U19" s="401">
        <v>84.8</v>
      </c>
      <c r="V19" s="401">
        <v>-6.9</v>
      </c>
      <c r="W19" s="401">
        <v>77</v>
      </c>
      <c r="X19" s="401">
        <v>-1.3</v>
      </c>
      <c r="Y19" s="401">
        <v>102</v>
      </c>
      <c r="Z19" s="401">
        <v>-10.4</v>
      </c>
      <c r="AA19" s="401">
        <v>89</v>
      </c>
      <c r="AB19" s="401">
        <v>-5.2</v>
      </c>
      <c r="AC19" s="401">
        <v>78.3</v>
      </c>
      <c r="AD19" s="401">
        <v>13</v>
      </c>
      <c r="AE19" s="401">
        <v>87.9</v>
      </c>
      <c r="AF19" s="401">
        <v>-2.1</v>
      </c>
      <c r="AG19" s="401">
        <v>80.099999999999994</v>
      </c>
      <c r="AH19" s="401">
        <v>-1.1000000000000001</v>
      </c>
      <c r="AI19" s="401">
        <v>85.4</v>
      </c>
      <c r="AJ19" s="401">
        <v>2.2000000000000002</v>
      </c>
      <c r="AK19" s="373"/>
    </row>
    <row r="20" spans="1:38" s="375" customFormat="1" ht="15" customHeight="1" x14ac:dyDescent="0.15">
      <c r="A20" s="623"/>
      <c r="B20" s="644"/>
      <c r="C20" s="397" t="s">
        <v>0</v>
      </c>
      <c r="D20" s="398" t="s">
        <v>239</v>
      </c>
      <c r="E20" s="399">
        <v>81</v>
      </c>
      <c r="F20" s="400">
        <v>-2.2999999999999998</v>
      </c>
      <c r="G20" s="399">
        <v>87.4</v>
      </c>
      <c r="H20" s="399">
        <v>-12.8</v>
      </c>
      <c r="I20" s="399">
        <v>79.400000000000006</v>
      </c>
      <c r="J20" s="399">
        <v>-1</v>
      </c>
      <c r="K20" s="399">
        <v>72.5</v>
      </c>
      <c r="L20" s="399">
        <v>-13.4</v>
      </c>
      <c r="M20" s="399">
        <v>86.3</v>
      </c>
      <c r="N20" s="399">
        <v>5</v>
      </c>
      <c r="O20" s="399">
        <v>74.7</v>
      </c>
      <c r="P20" s="399">
        <v>-1.3</v>
      </c>
      <c r="Q20" s="399">
        <v>77.2</v>
      </c>
      <c r="R20" s="399">
        <v>-2.5</v>
      </c>
      <c r="S20" s="399">
        <v>88.9</v>
      </c>
      <c r="T20" s="399">
        <v>26.8</v>
      </c>
      <c r="U20" s="399">
        <v>82.8</v>
      </c>
      <c r="V20" s="399">
        <v>2.2999999999999998</v>
      </c>
      <c r="W20" s="399">
        <v>84.9</v>
      </c>
      <c r="X20" s="399">
        <v>-1.3</v>
      </c>
      <c r="Y20" s="399">
        <v>102.7</v>
      </c>
      <c r="Z20" s="399">
        <v>-1.8</v>
      </c>
      <c r="AA20" s="399">
        <v>91.8</v>
      </c>
      <c r="AB20" s="399">
        <v>2.8</v>
      </c>
      <c r="AC20" s="399">
        <v>73.5</v>
      </c>
      <c r="AD20" s="399">
        <v>4.9000000000000004</v>
      </c>
      <c r="AE20" s="399">
        <v>83.6</v>
      </c>
      <c r="AF20" s="399">
        <v>-9.6999999999999993</v>
      </c>
      <c r="AG20" s="399">
        <v>75.400000000000006</v>
      </c>
      <c r="AH20" s="399">
        <v>-4.2</v>
      </c>
      <c r="AI20" s="399">
        <v>87.2</v>
      </c>
      <c r="AJ20" s="399">
        <v>3.8</v>
      </c>
      <c r="AK20" s="373"/>
    </row>
    <row r="21" spans="1:38" s="375" customFormat="1" ht="15" customHeight="1" x14ac:dyDescent="0.15">
      <c r="A21" s="623"/>
      <c r="B21" s="644"/>
      <c r="C21" s="397" t="s">
        <v>0</v>
      </c>
      <c r="D21" s="398" t="s">
        <v>240</v>
      </c>
      <c r="E21" s="401">
        <v>143</v>
      </c>
      <c r="F21" s="402">
        <v>3.8</v>
      </c>
      <c r="G21" s="401">
        <v>188.5</v>
      </c>
      <c r="H21" s="401">
        <v>30.1</v>
      </c>
      <c r="I21" s="401">
        <v>153.6</v>
      </c>
      <c r="J21" s="401">
        <v>12.9</v>
      </c>
      <c r="K21" s="401">
        <v>191.8</v>
      </c>
      <c r="L21" s="401">
        <v>14</v>
      </c>
      <c r="M21" s="401">
        <v>212.5</v>
      </c>
      <c r="N21" s="401">
        <v>-6.1</v>
      </c>
      <c r="O21" s="401">
        <v>117.3</v>
      </c>
      <c r="P21" s="401">
        <v>-3.4</v>
      </c>
      <c r="Q21" s="401">
        <v>103.6</v>
      </c>
      <c r="R21" s="401">
        <v>2.2999999999999998</v>
      </c>
      <c r="S21" s="401">
        <v>166.3</v>
      </c>
      <c r="T21" s="401">
        <v>-1.7</v>
      </c>
      <c r="U21" s="401">
        <v>193.9</v>
      </c>
      <c r="V21" s="401">
        <v>12.7</v>
      </c>
      <c r="W21" s="401">
        <v>137.69999999999999</v>
      </c>
      <c r="X21" s="401">
        <v>-15.6</v>
      </c>
      <c r="Y21" s="401">
        <v>105.1</v>
      </c>
      <c r="Z21" s="401">
        <v>-7.2</v>
      </c>
      <c r="AA21" s="401">
        <v>133.30000000000001</v>
      </c>
      <c r="AB21" s="401">
        <v>40.799999999999997</v>
      </c>
      <c r="AC21" s="401">
        <v>208.2</v>
      </c>
      <c r="AD21" s="401">
        <v>21.2</v>
      </c>
      <c r="AE21" s="401">
        <v>126.3</v>
      </c>
      <c r="AF21" s="401">
        <v>-4</v>
      </c>
      <c r="AG21" s="401">
        <v>173.8</v>
      </c>
      <c r="AH21" s="401">
        <v>6.8</v>
      </c>
      <c r="AI21" s="401">
        <v>133.1</v>
      </c>
      <c r="AJ21" s="401">
        <v>-5.4</v>
      </c>
      <c r="AK21" s="373"/>
    </row>
    <row r="22" spans="1:38" s="375" customFormat="1" ht="15" customHeight="1" x14ac:dyDescent="0.15">
      <c r="A22" s="623"/>
      <c r="B22" s="644"/>
      <c r="C22" s="397" t="s">
        <v>0</v>
      </c>
      <c r="D22" s="398" t="s">
        <v>241</v>
      </c>
      <c r="E22" s="399">
        <v>113.2</v>
      </c>
      <c r="F22" s="400">
        <v>-1.7</v>
      </c>
      <c r="G22" s="399">
        <v>110.5</v>
      </c>
      <c r="H22" s="399">
        <v>-21.6</v>
      </c>
      <c r="I22" s="399">
        <v>137.69999999999999</v>
      </c>
      <c r="J22" s="399">
        <v>-5.3</v>
      </c>
      <c r="K22" s="399">
        <v>73.8</v>
      </c>
      <c r="L22" s="399">
        <v>-10.199999999999999</v>
      </c>
      <c r="M22" s="399">
        <v>96.9</v>
      </c>
      <c r="N22" s="399">
        <v>-3.6</v>
      </c>
      <c r="O22" s="399">
        <v>99.7</v>
      </c>
      <c r="P22" s="399">
        <v>5.7</v>
      </c>
      <c r="Q22" s="399">
        <v>112</v>
      </c>
      <c r="R22" s="399">
        <v>-7.9</v>
      </c>
      <c r="S22" s="399">
        <v>96.9</v>
      </c>
      <c r="T22" s="399">
        <v>10.199999999999999</v>
      </c>
      <c r="U22" s="399">
        <v>118.8</v>
      </c>
      <c r="V22" s="399">
        <v>20.2</v>
      </c>
      <c r="W22" s="399">
        <v>149.80000000000001</v>
      </c>
      <c r="X22" s="399">
        <v>3</v>
      </c>
      <c r="Y22" s="399">
        <v>119.5</v>
      </c>
      <c r="Z22" s="399">
        <v>3.8</v>
      </c>
      <c r="AA22" s="399">
        <v>124.3</v>
      </c>
      <c r="AB22" s="399">
        <v>8.9</v>
      </c>
      <c r="AC22" s="399">
        <v>84.4</v>
      </c>
      <c r="AD22" s="399">
        <v>1.2</v>
      </c>
      <c r="AE22" s="399">
        <v>103</v>
      </c>
      <c r="AF22" s="399">
        <v>-0.5</v>
      </c>
      <c r="AG22" s="399">
        <v>96.1</v>
      </c>
      <c r="AH22" s="399">
        <v>-6.4</v>
      </c>
      <c r="AI22" s="399">
        <v>119.8</v>
      </c>
      <c r="AJ22" s="399">
        <v>16</v>
      </c>
      <c r="AK22" s="403"/>
      <c r="AL22" s="404"/>
    </row>
    <row r="23" spans="1:38" s="375" customFormat="1" ht="15" customHeight="1" x14ac:dyDescent="0.15">
      <c r="A23" s="623"/>
      <c r="B23" s="644"/>
      <c r="C23" s="397" t="s">
        <v>0</v>
      </c>
      <c r="D23" s="398" t="s">
        <v>242</v>
      </c>
      <c r="E23" s="401">
        <v>79.599999999999994</v>
      </c>
      <c r="F23" s="402">
        <v>-2.6</v>
      </c>
      <c r="G23" s="401">
        <v>92.9</v>
      </c>
      <c r="H23" s="401">
        <v>-11.9</v>
      </c>
      <c r="I23" s="401">
        <v>81</v>
      </c>
      <c r="J23" s="401">
        <v>-0.6</v>
      </c>
      <c r="K23" s="401">
        <v>82.6</v>
      </c>
      <c r="L23" s="401">
        <v>0.7</v>
      </c>
      <c r="M23" s="401">
        <v>81.5</v>
      </c>
      <c r="N23" s="401">
        <v>2.5</v>
      </c>
      <c r="O23" s="401">
        <v>71.2</v>
      </c>
      <c r="P23" s="401">
        <v>-3.9</v>
      </c>
      <c r="Q23" s="401">
        <v>71.3</v>
      </c>
      <c r="R23" s="401">
        <v>-3.8</v>
      </c>
      <c r="S23" s="401">
        <v>77.2</v>
      </c>
      <c r="T23" s="401">
        <v>8.6</v>
      </c>
      <c r="U23" s="401">
        <v>80.2</v>
      </c>
      <c r="V23" s="401">
        <v>1.8</v>
      </c>
      <c r="W23" s="401">
        <v>75.900000000000006</v>
      </c>
      <c r="X23" s="401">
        <v>-12.4</v>
      </c>
      <c r="Y23" s="401">
        <v>106.7</v>
      </c>
      <c r="Z23" s="401">
        <v>7.7</v>
      </c>
      <c r="AA23" s="401">
        <v>111.3</v>
      </c>
      <c r="AB23" s="401">
        <v>21.2</v>
      </c>
      <c r="AC23" s="401">
        <v>73.400000000000006</v>
      </c>
      <c r="AD23" s="401">
        <v>8.9</v>
      </c>
      <c r="AE23" s="401">
        <v>83.8</v>
      </c>
      <c r="AF23" s="401">
        <v>-7.1</v>
      </c>
      <c r="AG23" s="401">
        <v>73.2</v>
      </c>
      <c r="AH23" s="401">
        <v>0.3</v>
      </c>
      <c r="AI23" s="401">
        <v>86.8</v>
      </c>
      <c r="AJ23" s="401">
        <v>2.1</v>
      </c>
      <c r="AK23" s="403"/>
      <c r="AL23" s="404"/>
    </row>
    <row r="24" spans="1:38" s="375" customFormat="1" ht="15" customHeight="1" x14ac:dyDescent="0.15">
      <c r="A24" s="623"/>
      <c r="B24" s="644"/>
      <c r="C24" s="397" t="s">
        <v>0</v>
      </c>
      <c r="D24" s="398" t="s">
        <v>243</v>
      </c>
      <c r="E24" s="399">
        <v>79.7</v>
      </c>
      <c r="F24" s="400">
        <v>-1.4</v>
      </c>
      <c r="G24" s="399">
        <v>86.2</v>
      </c>
      <c r="H24" s="399">
        <v>-12.4</v>
      </c>
      <c r="I24" s="399">
        <v>82.7</v>
      </c>
      <c r="J24" s="399">
        <v>-1</v>
      </c>
      <c r="K24" s="399">
        <v>71.7</v>
      </c>
      <c r="L24" s="399">
        <v>-13.6</v>
      </c>
      <c r="M24" s="399">
        <v>80.7</v>
      </c>
      <c r="N24" s="399">
        <v>2.2000000000000002</v>
      </c>
      <c r="O24" s="399">
        <v>74.3</v>
      </c>
      <c r="P24" s="399">
        <v>-1.3</v>
      </c>
      <c r="Q24" s="399">
        <v>72.3</v>
      </c>
      <c r="R24" s="399">
        <v>-4.4000000000000004</v>
      </c>
      <c r="S24" s="399">
        <v>80</v>
      </c>
      <c r="T24" s="399">
        <v>5.0999999999999996</v>
      </c>
      <c r="U24" s="399">
        <v>78.099999999999994</v>
      </c>
      <c r="V24" s="399">
        <v>-8.5</v>
      </c>
      <c r="W24" s="399">
        <v>75.900000000000006</v>
      </c>
      <c r="X24" s="399">
        <v>-3.7</v>
      </c>
      <c r="Y24" s="399">
        <v>101.1</v>
      </c>
      <c r="Z24" s="399">
        <v>6.3</v>
      </c>
      <c r="AA24" s="399">
        <v>107.9</v>
      </c>
      <c r="AB24" s="399">
        <v>17.899999999999999</v>
      </c>
      <c r="AC24" s="399">
        <v>77.900000000000006</v>
      </c>
      <c r="AD24" s="399">
        <v>12.1</v>
      </c>
      <c r="AE24" s="399">
        <v>81.099999999999994</v>
      </c>
      <c r="AF24" s="399">
        <v>-4.5999999999999996</v>
      </c>
      <c r="AG24" s="399">
        <v>72.5</v>
      </c>
      <c r="AH24" s="399">
        <v>-5.7</v>
      </c>
      <c r="AI24" s="399">
        <v>89.2</v>
      </c>
      <c r="AJ24" s="399">
        <v>3.6</v>
      </c>
      <c r="AK24" s="403"/>
      <c r="AL24" s="404"/>
    </row>
    <row r="25" spans="1:38" s="375" customFormat="1" ht="15" customHeight="1" x14ac:dyDescent="0.15">
      <c r="A25" s="623"/>
      <c r="B25" s="644"/>
      <c r="C25" s="397" t="s">
        <v>0</v>
      </c>
      <c r="D25" s="398" t="s">
        <v>244</v>
      </c>
      <c r="E25" s="401">
        <v>81.8</v>
      </c>
      <c r="F25" s="402">
        <v>0.6</v>
      </c>
      <c r="G25" s="401">
        <v>87.5</v>
      </c>
      <c r="H25" s="401">
        <v>-10.8</v>
      </c>
      <c r="I25" s="401">
        <v>81.900000000000006</v>
      </c>
      <c r="J25" s="401">
        <v>0.7</v>
      </c>
      <c r="K25" s="401">
        <v>88.6</v>
      </c>
      <c r="L25" s="401">
        <v>5</v>
      </c>
      <c r="M25" s="401">
        <v>83.7</v>
      </c>
      <c r="N25" s="401">
        <v>-1.9</v>
      </c>
      <c r="O25" s="401">
        <v>80.900000000000006</v>
      </c>
      <c r="P25" s="401">
        <v>-4</v>
      </c>
      <c r="Q25" s="401">
        <v>76.3</v>
      </c>
      <c r="R25" s="401">
        <v>-0.4</v>
      </c>
      <c r="S25" s="401">
        <v>81.099999999999994</v>
      </c>
      <c r="T25" s="401">
        <v>9.4</v>
      </c>
      <c r="U25" s="401">
        <v>84.6</v>
      </c>
      <c r="V25" s="401">
        <v>1.9</v>
      </c>
      <c r="W25" s="401">
        <v>78.599999999999994</v>
      </c>
      <c r="X25" s="401">
        <v>-2.7</v>
      </c>
      <c r="Y25" s="401">
        <v>102.1</v>
      </c>
      <c r="Z25" s="401">
        <v>7.1</v>
      </c>
      <c r="AA25" s="401">
        <v>111.5</v>
      </c>
      <c r="AB25" s="401">
        <v>21.6</v>
      </c>
      <c r="AC25" s="401">
        <v>78.7</v>
      </c>
      <c r="AD25" s="401">
        <v>9.3000000000000007</v>
      </c>
      <c r="AE25" s="401">
        <v>83.8</v>
      </c>
      <c r="AF25" s="401">
        <v>1</v>
      </c>
      <c r="AG25" s="401">
        <v>79</v>
      </c>
      <c r="AH25" s="401">
        <v>6.9</v>
      </c>
      <c r="AI25" s="401">
        <v>88.2</v>
      </c>
      <c r="AJ25" s="401">
        <v>4.5</v>
      </c>
      <c r="AK25" s="403"/>
      <c r="AL25" s="404"/>
    </row>
    <row r="26" spans="1:38" s="375" customFormat="1" ht="13.5" customHeight="1" x14ac:dyDescent="0.15">
      <c r="A26" s="623"/>
      <c r="B26" s="644"/>
      <c r="C26" s="397"/>
      <c r="D26" s="398"/>
      <c r="E26" s="401"/>
      <c r="F26" s="402"/>
      <c r="G26" s="401"/>
      <c r="H26" s="401"/>
      <c r="I26" s="401"/>
      <c r="J26" s="401"/>
      <c r="K26" s="401"/>
      <c r="L26" s="401"/>
      <c r="M26" s="401"/>
      <c r="N26" s="401"/>
      <c r="O26" s="401"/>
      <c r="P26" s="401"/>
      <c r="Q26" s="401"/>
      <c r="R26" s="401"/>
      <c r="S26" s="401"/>
      <c r="T26" s="401"/>
      <c r="U26" s="401"/>
      <c r="V26" s="401"/>
      <c r="W26" s="401"/>
      <c r="X26" s="401"/>
      <c r="Y26" s="401"/>
      <c r="Z26" s="401"/>
      <c r="AA26" s="401"/>
      <c r="AB26" s="401"/>
      <c r="AC26" s="401"/>
      <c r="AD26" s="401"/>
      <c r="AE26" s="401"/>
      <c r="AF26" s="401"/>
      <c r="AG26" s="401"/>
      <c r="AH26" s="401"/>
      <c r="AI26" s="401"/>
      <c r="AJ26" s="401"/>
      <c r="AK26" s="373"/>
    </row>
    <row r="27" spans="1:38" s="375" customFormat="1" ht="13.5" customHeight="1" x14ac:dyDescent="0.15">
      <c r="A27" s="623"/>
      <c r="B27" s="644"/>
      <c r="C27" s="397" t="s">
        <v>234</v>
      </c>
      <c r="D27" s="398" t="s">
        <v>232</v>
      </c>
      <c r="E27" s="399">
        <v>83.3</v>
      </c>
      <c r="F27" s="400">
        <v>-0.2</v>
      </c>
      <c r="G27" s="399">
        <v>86.1</v>
      </c>
      <c r="H27" s="399">
        <v>-20.7</v>
      </c>
      <c r="I27" s="399">
        <v>87.1</v>
      </c>
      <c r="J27" s="399">
        <v>1.9</v>
      </c>
      <c r="K27" s="399">
        <v>70.7</v>
      </c>
      <c r="L27" s="399">
        <v>-13.1</v>
      </c>
      <c r="M27" s="399">
        <v>84.1</v>
      </c>
      <c r="N27" s="399">
        <v>7.8</v>
      </c>
      <c r="O27" s="399">
        <v>72.3</v>
      </c>
      <c r="P27" s="399">
        <v>-6.1</v>
      </c>
      <c r="Q27" s="399">
        <v>75.599999999999994</v>
      </c>
      <c r="R27" s="399">
        <v>0</v>
      </c>
      <c r="S27" s="399">
        <v>84.3</v>
      </c>
      <c r="T27" s="399">
        <v>6.4</v>
      </c>
      <c r="U27" s="399">
        <v>84.4</v>
      </c>
      <c r="V27" s="399">
        <v>10.8</v>
      </c>
      <c r="W27" s="399">
        <v>83.9</v>
      </c>
      <c r="X27" s="399">
        <v>-0.1</v>
      </c>
      <c r="Y27" s="399">
        <v>103</v>
      </c>
      <c r="Z27" s="399">
        <v>1.8</v>
      </c>
      <c r="AA27" s="399">
        <v>112.1</v>
      </c>
      <c r="AB27" s="399">
        <v>19.5</v>
      </c>
      <c r="AC27" s="399">
        <v>74.5</v>
      </c>
      <c r="AD27" s="399">
        <v>8.9</v>
      </c>
      <c r="AE27" s="399">
        <v>93.3</v>
      </c>
      <c r="AF27" s="399">
        <v>-2.4</v>
      </c>
      <c r="AG27" s="399">
        <v>72.099999999999994</v>
      </c>
      <c r="AH27" s="399">
        <v>-10.5</v>
      </c>
      <c r="AI27" s="399">
        <v>88.6</v>
      </c>
      <c r="AJ27" s="399">
        <v>7.5</v>
      </c>
      <c r="AK27" s="373"/>
    </row>
    <row r="28" spans="1:38" s="375" customFormat="1" ht="11.25" customHeight="1" x14ac:dyDescent="0.15">
      <c r="A28" s="623"/>
      <c r="B28" s="645"/>
      <c r="C28" s="405"/>
      <c r="D28" s="406"/>
      <c r="E28" s="401"/>
      <c r="F28" s="402"/>
      <c r="G28" s="401"/>
      <c r="H28" s="401"/>
      <c r="I28" s="401"/>
      <c r="J28" s="401"/>
      <c r="K28" s="401"/>
      <c r="L28" s="401"/>
      <c r="M28" s="401"/>
      <c r="N28" s="401"/>
      <c r="O28" s="401"/>
      <c r="P28" s="401"/>
      <c r="Q28" s="401"/>
      <c r="R28" s="407"/>
      <c r="S28" s="401"/>
      <c r="T28" s="401"/>
      <c r="U28" s="401"/>
      <c r="V28" s="401"/>
      <c r="W28" s="401"/>
      <c r="X28" s="401"/>
      <c r="Y28" s="401"/>
      <c r="Z28" s="401"/>
      <c r="AA28" s="401"/>
      <c r="AB28" s="401"/>
      <c r="AC28" s="401"/>
      <c r="AD28" s="401"/>
      <c r="AE28" s="401"/>
      <c r="AF28" s="401"/>
      <c r="AG28" s="401"/>
      <c r="AH28" s="401"/>
      <c r="AI28" s="401"/>
      <c r="AJ28" s="401"/>
      <c r="AK28" s="373"/>
    </row>
    <row r="29" spans="1:38" s="375" customFormat="1" ht="11.25" customHeight="1" x14ac:dyDescent="0.15">
      <c r="A29" s="623"/>
      <c r="B29" s="408"/>
      <c r="C29" s="409"/>
      <c r="D29" s="410"/>
      <c r="E29" s="411"/>
      <c r="F29" s="412"/>
      <c r="G29" s="411"/>
      <c r="H29" s="411"/>
      <c r="I29" s="411"/>
      <c r="J29" s="411"/>
      <c r="K29" s="411"/>
      <c r="L29" s="411"/>
      <c r="M29" s="411"/>
      <c r="N29" s="411"/>
      <c r="O29" s="411"/>
      <c r="P29" s="411"/>
      <c r="Q29" s="411"/>
      <c r="R29" s="411"/>
      <c r="S29" s="411"/>
      <c r="T29" s="411"/>
      <c r="U29" s="411"/>
      <c r="V29" s="411"/>
      <c r="W29" s="411"/>
      <c r="X29" s="411"/>
      <c r="Y29" s="411"/>
      <c r="Z29" s="411"/>
      <c r="AA29" s="411"/>
      <c r="AB29" s="411"/>
      <c r="AC29" s="411"/>
      <c r="AD29" s="411"/>
      <c r="AE29" s="411"/>
      <c r="AF29" s="411"/>
      <c r="AG29" s="411"/>
      <c r="AH29" s="411"/>
      <c r="AI29" s="411"/>
      <c r="AJ29" s="411"/>
      <c r="AK29" s="373"/>
    </row>
    <row r="30" spans="1:38" s="375" customFormat="1" ht="13.5" customHeight="1" x14ac:dyDescent="0.15">
      <c r="A30" s="623"/>
      <c r="B30" s="413"/>
      <c r="C30" s="397" t="s">
        <v>227</v>
      </c>
      <c r="D30" s="398" t="s">
        <v>228</v>
      </c>
      <c r="E30" s="399">
        <v>99.6</v>
      </c>
      <c r="F30" s="400">
        <v>-0.4</v>
      </c>
      <c r="G30" s="399">
        <v>99.4</v>
      </c>
      <c r="H30" s="399">
        <v>-0.6</v>
      </c>
      <c r="I30" s="399">
        <v>104.7</v>
      </c>
      <c r="J30" s="399">
        <v>4.7</v>
      </c>
      <c r="K30" s="399">
        <v>95.1</v>
      </c>
      <c r="L30" s="399">
        <v>-4.9000000000000004</v>
      </c>
      <c r="M30" s="399">
        <v>108.4</v>
      </c>
      <c r="N30" s="399">
        <v>8.4</v>
      </c>
      <c r="O30" s="399">
        <v>87.8</v>
      </c>
      <c r="P30" s="399">
        <v>-12.2</v>
      </c>
      <c r="Q30" s="399">
        <v>97.1</v>
      </c>
      <c r="R30" s="399">
        <v>-2.9</v>
      </c>
      <c r="S30" s="399">
        <v>98.2</v>
      </c>
      <c r="T30" s="399">
        <v>-1.8</v>
      </c>
      <c r="U30" s="399">
        <v>115.2</v>
      </c>
      <c r="V30" s="399">
        <v>15.2</v>
      </c>
      <c r="W30" s="399">
        <v>102.9</v>
      </c>
      <c r="X30" s="399">
        <v>2.9</v>
      </c>
      <c r="Y30" s="399">
        <v>113.9</v>
      </c>
      <c r="Z30" s="399">
        <v>13.9</v>
      </c>
      <c r="AA30" s="399">
        <v>103.8</v>
      </c>
      <c r="AB30" s="399">
        <v>3.8</v>
      </c>
      <c r="AC30" s="399">
        <v>101.9</v>
      </c>
      <c r="AD30" s="399">
        <v>1.9</v>
      </c>
      <c r="AE30" s="399">
        <v>93.8</v>
      </c>
      <c r="AF30" s="399">
        <v>-6.2</v>
      </c>
      <c r="AG30" s="399">
        <v>99.2</v>
      </c>
      <c r="AH30" s="399">
        <v>-0.8</v>
      </c>
      <c r="AI30" s="399">
        <v>97</v>
      </c>
      <c r="AJ30" s="399">
        <v>-3</v>
      </c>
      <c r="AK30" s="373"/>
    </row>
    <row r="31" spans="1:38" s="375" customFormat="1" ht="13.5" customHeight="1" x14ac:dyDescent="0.15">
      <c r="A31" s="623"/>
      <c r="B31" s="413"/>
      <c r="C31" s="397" t="s">
        <v>227</v>
      </c>
      <c r="D31" s="398" t="s">
        <v>229</v>
      </c>
      <c r="E31" s="401">
        <v>95.9</v>
      </c>
      <c r="F31" s="402">
        <v>-3.7</v>
      </c>
      <c r="G31" s="401">
        <v>104.1</v>
      </c>
      <c r="H31" s="401">
        <v>4.7</v>
      </c>
      <c r="I31" s="401">
        <v>96.4</v>
      </c>
      <c r="J31" s="401">
        <v>-7.9</v>
      </c>
      <c r="K31" s="401">
        <v>93.8</v>
      </c>
      <c r="L31" s="401">
        <v>-1.4</v>
      </c>
      <c r="M31" s="401">
        <v>113.6</v>
      </c>
      <c r="N31" s="401">
        <v>4.8</v>
      </c>
      <c r="O31" s="401">
        <v>81.400000000000006</v>
      </c>
      <c r="P31" s="401">
        <v>-7.3</v>
      </c>
      <c r="Q31" s="401">
        <v>96.5</v>
      </c>
      <c r="R31" s="401">
        <v>-0.6</v>
      </c>
      <c r="S31" s="401">
        <v>93.7</v>
      </c>
      <c r="T31" s="401">
        <v>-4.5999999999999996</v>
      </c>
      <c r="U31" s="401">
        <v>129.30000000000001</v>
      </c>
      <c r="V31" s="401">
        <v>12.2</v>
      </c>
      <c r="W31" s="401">
        <v>105.3</v>
      </c>
      <c r="X31" s="401">
        <v>2.2999999999999998</v>
      </c>
      <c r="Y31" s="401">
        <v>130</v>
      </c>
      <c r="Z31" s="401">
        <v>14.1</v>
      </c>
      <c r="AA31" s="401">
        <v>97.4</v>
      </c>
      <c r="AB31" s="401">
        <v>-6.2</v>
      </c>
      <c r="AC31" s="401">
        <v>80.599999999999994</v>
      </c>
      <c r="AD31" s="401">
        <v>-20.9</v>
      </c>
      <c r="AE31" s="401">
        <v>101.1</v>
      </c>
      <c r="AF31" s="401">
        <v>7.8</v>
      </c>
      <c r="AG31" s="401">
        <v>92.5</v>
      </c>
      <c r="AH31" s="401">
        <v>-6.8</v>
      </c>
      <c r="AI31" s="401">
        <v>89.8</v>
      </c>
      <c r="AJ31" s="401">
        <v>-7.4</v>
      </c>
      <c r="AK31" s="373"/>
    </row>
    <row r="32" spans="1:38" s="375" customFormat="1" ht="13.5" customHeight="1" x14ac:dyDescent="0.15">
      <c r="A32" s="623"/>
      <c r="B32" s="413"/>
      <c r="C32" s="397" t="s">
        <v>227</v>
      </c>
      <c r="D32" s="398" t="s">
        <v>230</v>
      </c>
      <c r="E32" s="399">
        <v>97</v>
      </c>
      <c r="F32" s="414">
        <v>1.1000000000000001</v>
      </c>
      <c r="G32" s="415">
        <v>99.9</v>
      </c>
      <c r="H32" s="415">
        <v>-4</v>
      </c>
      <c r="I32" s="415">
        <v>105.2</v>
      </c>
      <c r="J32" s="415">
        <v>9.1</v>
      </c>
      <c r="K32" s="415">
        <v>88.8</v>
      </c>
      <c r="L32" s="416">
        <v>-5.3</v>
      </c>
      <c r="M32" s="416">
        <v>111.3</v>
      </c>
      <c r="N32" s="416">
        <v>-2</v>
      </c>
      <c r="O32" s="416">
        <v>83</v>
      </c>
      <c r="P32" s="416">
        <v>2</v>
      </c>
      <c r="Q32" s="416">
        <v>107.4</v>
      </c>
      <c r="R32" s="416">
        <v>11.3</v>
      </c>
      <c r="S32" s="416">
        <v>83.5</v>
      </c>
      <c r="T32" s="416">
        <v>-10.9</v>
      </c>
      <c r="U32" s="416">
        <v>129.4</v>
      </c>
      <c r="V32" s="416">
        <v>0.1</v>
      </c>
      <c r="W32" s="416">
        <v>102.9</v>
      </c>
      <c r="X32" s="416">
        <v>-2.2999999999999998</v>
      </c>
      <c r="Y32" s="416">
        <v>148.30000000000001</v>
      </c>
      <c r="Z32" s="416">
        <v>14.1</v>
      </c>
      <c r="AA32" s="416">
        <v>102.4</v>
      </c>
      <c r="AB32" s="416">
        <v>5.0999999999999996</v>
      </c>
      <c r="AC32" s="416">
        <v>80.8</v>
      </c>
      <c r="AD32" s="416">
        <v>0.2</v>
      </c>
      <c r="AE32" s="416">
        <v>93.9</v>
      </c>
      <c r="AF32" s="416">
        <v>-7.1</v>
      </c>
      <c r="AG32" s="416">
        <v>87.9</v>
      </c>
      <c r="AH32" s="416">
        <v>-5</v>
      </c>
      <c r="AI32" s="416">
        <v>83.8</v>
      </c>
      <c r="AJ32" s="416">
        <v>-6.7</v>
      </c>
      <c r="AK32" s="373"/>
    </row>
    <row r="33" spans="1:38" s="375" customFormat="1" ht="13.5" customHeight="1" x14ac:dyDescent="0.15">
      <c r="A33" s="623"/>
      <c r="B33" s="413"/>
      <c r="C33" s="397" t="s">
        <v>227</v>
      </c>
      <c r="D33" s="398" t="s">
        <v>231</v>
      </c>
      <c r="E33" s="401">
        <v>99.2</v>
      </c>
      <c r="F33" s="402">
        <v>0.3</v>
      </c>
      <c r="G33" s="401">
        <v>102.1</v>
      </c>
      <c r="H33" s="401">
        <v>1.3</v>
      </c>
      <c r="I33" s="401">
        <v>100.6</v>
      </c>
      <c r="J33" s="401">
        <v>-4</v>
      </c>
      <c r="K33" s="401">
        <v>97.2</v>
      </c>
      <c r="L33" s="401">
        <v>9.6999999999999993</v>
      </c>
      <c r="M33" s="401">
        <v>107</v>
      </c>
      <c r="N33" s="401">
        <v>-3.6</v>
      </c>
      <c r="O33" s="401">
        <v>83.8</v>
      </c>
      <c r="P33" s="401">
        <v>1.5</v>
      </c>
      <c r="Q33" s="401">
        <v>96.4</v>
      </c>
      <c r="R33" s="401">
        <v>-9.6999999999999993</v>
      </c>
      <c r="S33" s="401">
        <v>89</v>
      </c>
      <c r="T33" s="401">
        <v>6</v>
      </c>
      <c r="U33" s="401">
        <v>111</v>
      </c>
      <c r="V33" s="401">
        <v>-8.6</v>
      </c>
      <c r="W33" s="401">
        <v>102.7</v>
      </c>
      <c r="X33" s="401">
        <v>0.3</v>
      </c>
      <c r="Y33" s="401">
        <v>125.1</v>
      </c>
      <c r="Z33" s="401">
        <v>-15.7</v>
      </c>
      <c r="AA33" s="401">
        <v>114.5</v>
      </c>
      <c r="AB33" s="401">
        <v>12.8</v>
      </c>
      <c r="AC33" s="401">
        <v>87.3</v>
      </c>
      <c r="AD33" s="401">
        <v>7.6</v>
      </c>
      <c r="AE33" s="401">
        <v>101.5</v>
      </c>
      <c r="AF33" s="401">
        <v>7.4</v>
      </c>
      <c r="AG33" s="417">
        <v>91.8</v>
      </c>
      <c r="AH33" s="401">
        <v>5.4</v>
      </c>
      <c r="AI33" s="401">
        <v>95.2</v>
      </c>
      <c r="AJ33" s="401">
        <v>12</v>
      </c>
      <c r="AK33" s="373"/>
    </row>
    <row r="34" spans="1:38" s="375" customFormat="1" ht="13.5" customHeight="1" x14ac:dyDescent="0.15">
      <c r="A34" s="623"/>
      <c r="B34" s="413"/>
      <c r="C34" s="397"/>
      <c r="D34" s="398"/>
      <c r="E34" s="401"/>
      <c r="F34" s="402"/>
      <c r="G34" s="401"/>
      <c r="H34" s="401"/>
      <c r="I34" s="401"/>
      <c r="J34" s="401"/>
      <c r="K34" s="401"/>
      <c r="L34" s="401"/>
      <c r="M34" s="401"/>
      <c r="N34" s="401"/>
      <c r="O34" s="401"/>
      <c r="P34" s="401"/>
      <c r="Q34" s="401"/>
      <c r="R34" s="401"/>
      <c r="S34" s="401"/>
      <c r="T34" s="401"/>
      <c r="U34" s="401"/>
      <c r="V34" s="401"/>
      <c r="W34" s="401"/>
      <c r="X34" s="401"/>
      <c r="Y34" s="401"/>
      <c r="Z34" s="401"/>
      <c r="AA34" s="401"/>
      <c r="AB34" s="401"/>
      <c r="AC34" s="401"/>
      <c r="AD34" s="401"/>
      <c r="AE34" s="401"/>
      <c r="AF34" s="401"/>
      <c r="AG34" s="417"/>
      <c r="AH34" s="417"/>
      <c r="AI34" s="401"/>
      <c r="AJ34" s="401"/>
      <c r="AK34" s="373"/>
    </row>
    <row r="35" spans="1:38" s="375" customFormat="1" ht="15" customHeight="1" x14ac:dyDescent="0.15">
      <c r="A35" s="623"/>
      <c r="B35" s="646" t="s">
        <v>48</v>
      </c>
      <c r="C35" s="397" t="s">
        <v>208</v>
      </c>
      <c r="D35" s="398" t="s">
        <v>232</v>
      </c>
      <c r="E35" s="399">
        <v>83.1</v>
      </c>
      <c r="F35" s="400">
        <v>0.7</v>
      </c>
      <c r="G35" s="399">
        <v>79</v>
      </c>
      <c r="H35" s="399">
        <v>0</v>
      </c>
      <c r="I35" s="399">
        <v>82.8</v>
      </c>
      <c r="J35" s="399">
        <v>-5.5</v>
      </c>
      <c r="K35" s="399">
        <v>81.7</v>
      </c>
      <c r="L35" s="399">
        <v>9.4</v>
      </c>
      <c r="M35" s="399">
        <v>77.3</v>
      </c>
      <c r="N35" s="399">
        <v>-7.4</v>
      </c>
      <c r="O35" s="399">
        <v>72.3</v>
      </c>
      <c r="P35" s="399">
        <v>-0.7</v>
      </c>
      <c r="Q35" s="399">
        <v>81.599999999999994</v>
      </c>
      <c r="R35" s="399">
        <v>-11.7</v>
      </c>
      <c r="S35" s="399">
        <v>68.3</v>
      </c>
      <c r="T35" s="399">
        <v>2.9</v>
      </c>
      <c r="U35" s="399">
        <v>82.7</v>
      </c>
      <c r="V35" s="399">
        <v>-12.9</v>
      </c>
      <c r="W35" s="399">
        <v>82.3</v>
      </c>
      <c r="X35" s="399">
        <v>0.9</v>
      </c>
      <c r="Y35" s="399">
        <v>105</v>
      </c>
      <c r="Z35" s="399">
        <v>-0.9</v>
      </c>
      <c r="AA35" s="399">
        <v>104.5</v>
      </c>
      <c r="AB35" s="399">
        <v>14.1</v>
      </c>
      <c r="AC35" s="399">
        <v>63.9</v>
      </c>
      <c r="AD35" s="399">
        <v>7.6</v>
      </c>
      <c r="AE35" s="399">
        <v>99</v>
      </c>
      <c r="AF35" s="399">
        <v>13.3</v>
      </c>
      <c r="AG35" s="418" t="s">
        <v>19</v>
      </c>
      <c r="AH35" s="399" t="s">
        <v>19</v>
      </c>
      <c r="AI35" s="399">
        <v>84.2</v>
      </c>
      <c r="AJ35" s="399">
        <v>12</v>
      </c>
      <c r="AK35" s="373"/>
    </row>
    <row r="36" spans="1:38" s="375" customFormat="1" ht="15" customHeight="1" x14ac:dyDescent="0.15">
      <c r="A36" s="623"/>
      <c r="B36" s="646"/>
      <c r="C36" s="397" t="s">
        <v>0</v>
      </c>
      <c r="D36" s="398" t="s">
        <v>233</v>
      </c>
      <c r="E36" s="401">
        <v>184.1</v>
      </c>
      <c r="F36" s="402">
        <v>0.4</v>
      </c>
      <c r="G36" s="401">
        <v>202.7</v>
      </c>
      <c r="H36" s="401">
        <v>-4.0999999999999996</v>
      </c>
      <c r="I36" s="401">
        <v>199.7</v>
      </c>
      <c r="J36" s="401">
        <v>-3</v>
      </c>
      <c r="K36" s="401">
        <v>174</v>
      </c>
      <c r="L36" s="401">
        <v>3.4</v>
      </c>
      <c r="M36" s="401">
        <v>229.4</v>
      </c>
      <c r="N36" s="401">
        <v>-10.6</v>
      </c>
      <c r="O36" s="401">
        <v>134.30000000000001</v>
      </c>
      <c r="P36" s="401">
        <v>-0.4</v>
      </c>
      <c r="Q36" s="401">
        <v>150.69999999999999</v>
      </c>
      <c r="R36" s="401">
        <v>-20.8</v>
      </c>
      <c r="S36" s="401">
        <v>191.6</v>
      </c>
      <c r="T36" s="401">
        <v>11.1</v>
      </c>
      <c r="U36" s="401">
        <v>218.1</v>
      </c>
      <c r="V36" s="401">
        <v>-7</v>
      </c>
      <c r="W36" s="401">
        <v>206.9</v>
      </c>
      <c r="X36" s="401">
        <v>1.7</v>
      </c>
      <c r="Y36" s="401">
        <v>154.4</v>
      </c>
      <c r="Z36" s="401">
        <v>-24.7</v>
      </c>
      <c r="AA36" s="401">
        <v>223.8</v>
      </c>
      <c r="AB36" s="401">
        <v>41.5</v>
      </c>
      <c r="AC36" s="401">
        <v>210.3</v>
      </c>
      <c r="AD36" s="401">
        <v>18.8</v>
      </c>
      <c r="AE36" s="401">
        <v>161.30000000000001</v>
      </c>
      <c r="AF36" s="401">
        <v>4.2</v>
      </c>
      <c r="AG36" s="417" t="s">
        <v>19</v>
      </c>
      <c r="AH36" s="417" t="s">
        <v>19</v>
      </c>
      <c r="AI36" s="401">
        <v>158.69999999999999</v>
      </c>
      <c r="AJ36" s="401">
        <v>29.6</v>
      </c>
      <c r="AK36" s="373"/>
    </row>
    <row r="37" spans="1:38" s="375" customFormat="1" ht="15" customHeight="1" x14ac:dyDescent="0.15">
      <c r="A37" s="623"/>
      <c r="B37" s="646"/>
      <c r="C37" s="397" t="s">
        <v>234</v>
      </c>
      <c r="D37" s="398" t="s">
        <v>235</v>
      </c>
      <c r="E37" s="399">
        <v>78.8</v>
      </c>
      <c r="F37" s="400">
        <v>-2.7</v>
      </c>
      <c r="G37" s="399">
        <v>74.7</v>
      </c>
      <c r="H37" s="399">
        <v>-4.5</v>
      </c>
      <c r="I37" s="399">
        <v>77.900000000000006</v>
      </c>
      <c r="J37" s="399">
        <v>-3.1</v>
      </c>
      <c r="K37" s="399">
        <v>69.8</v>
      </c>
      <c r="L37" s="399">
        <v>-13.3</v>
      </c>
      <c r="M37" s="399">
        <v>81.5</v>
      </c>
      <c r="N37" s="399">
        <v>3.2</v>
      </c>
      <c r="O37" s="399">
        <v>70</v>
      </c>
      <c r="P37" s="399">
        <v>-6.5</v>
      </c>
      <c r="Q37" s="399">
        <v>77.3</v>
      </c>
      <c r="R37" s="399">
        <v>-7.1</v>
      </c>
      <c r="S37" s="399">
        <v>70.599999999999994</v>
      </c>
      <c r="T37" s="399">
        <v>4.0999999999999996</v>
      </c>
      <c r="U37" s="399">
        <v>75.099999999999994</v>
      </c>
      <c r="V37" s="399">
        <v>-14.5</v>
      </c>
      <c r="W37" s="399">
        <v>70</v>
      </c>
      <c r="X37" s="399">
        <v>-5.5</v>
      </c>
      <c r="Y37" s="399">
        <v>123.7</v>
      </c>
      <c r="Z37" s="399">
        <v>9.6999999999999993</v>
      </c>
      <c r="AA37" s="399">
        <v>99</v>
      </c>
      <c r="AB37" s="399">
        <v>-14.9</v>
      </c>
      <c r="AC37" s="399">
        <v>69.099999999999994</v>
      </c>
      <c r="AD37" s="399">
        <v>7.6</v>
      </c>
      <c r="AE37" s="399">
        <v>83.6</v>
      </c>
      <c r="AF37" s="399">
        <v>-7.4</v>
      </c>
      <c r="AG37" s="418">
        <v>72.5</v>
      </c>
      <c r="AH37" s="418">
        <v>-23.8</v>
      </c>
      <c r="AI37" s="399">
        <v>87.6</v>
      </c>
      <c r="AJ37" s="399">
        <v>9.6</v>
      </c>
      <c r="AK37" s="373"/>
    </row>
    <row r="38" spans="1:38" s="375" customFormat="1" ht="15" customHeight="1" x14ac:dyDescent="0.15">
      <c r="A38" s="623"/>
      <c r="B38" s="646"/>
      <c r="C38" s="397" t="s">
        <v>0</v>
      </c>
      <c r="D38" s="398" t="s">
        <v>236</v>
      </c>
      <c r="E38" s="401">
        <v>77.599999999999994</v>
      </c>
      <c r="F38" s="402">
        <v>-3.1</v>
      </c>
      <c r="G38" s="401">
        <v>76.7</v>
      </c>
      <c r="H38" s="401">
        <v>-1.9</v>
      </c>
      <c r="I38" s="401">
        <v>76.599999999999994</v>
      </c>
      <c r="J38" s="401">
        <v>-1.4</v>
      </c>
      <c r="K38" s="401">
        <v>69.900000000000006</v>
      </c>
      <c r="L38" s="401">
        <v>-14.4</v>
      </c>
      <c r="M38" s="401">
        <v>79.3</v>
      </c>
      <c r="N38" s="401">
        <v>3.7</v>
      </c>
      <c r="O38" s="401">
        <v>67.8</v>
      </c>
      <c r="P38" s="401">
        <v>2.7</v>
      </c>
      <c r="Q38" s="401">
        <v>74.599999999999994</v>
      </c>
      <c r="R38" s="401">
        <v>-5.6</v>
      </c>
      <c r="S38" s="401">
        <v>67.7</v>
      </c>
      <c r="T38" s="401">
        <v>2</v>
      </c>
      <c r="U38" s="401">
        <v>71.5</v>
      </c>
      <c r="V38" s="401">
        <v>-17.600000000000001</v>
      </c>
      <c r="W38" s="401">
        <v>71</v>
      </c>
      <c r="X38" s="401">
        <v>-11</v>
      </c>
      <c r="Y38" s="401">
        <v>116.9</v>
      </c>
      <c r="Z38" s="401">
        <v>-25.4</v>
      </c>
      <c r="AA38" s="401">
        <v>93.5</v>
      </c>
      <c r="AB38" s="401">
        <v>-2.4</v>
      </c>
      <c r="AC38" s="401">
        <v>68.900000000000006</v>
      </c>
      <c r="AD38" s="401">
        <v>3</v>
      </c>
      <c r="AE38" s="401">
        <v>83</v>
      </c>
      <c r="AF38" s="401">
        <v>-3.5</v>
      </c>
      <c r="AG38" s="417">
        <v>72.3</v>
      </c>
      <c r="AH38" s="417">
        <v>0.3</v>
      </c>
      <c r="AI38" s="401">
        <v>85.6</v>
      </c>
      <c r="AJ38" s="401">
        <v>0.4</v>
      </c>
      <c r="AK38" s="373"/>
    </row>
    <row r="39" spans="1:38" s="375" customFormat="1" ht="15" customHeight="1" x14ac:dyDescent="0.15">
      <c r="A39" s="623"/>
      <c r="B39" s="646"/>
      <c r="C39" s="397" t="s">
        <v>0</v>
      </c>
      <c r="D39" s="398" t="s">
        <v>237</v>
      </c>
      <c r="E39" s="399">
        <v>82.7</v>
      </c>
      <c r="F39" s="400">
        <v>0.4</v>
      </c>
      <c r="G39" s="399">
        <v>81</v>
      </c>
      <c r="H39" s="399">
        <v>-0.2</v>
      </c>
      <c r="I39" s="399">
        <v>80</v>
      </c>
      <c r="J39" s="399">
        <v>-4.4000000000000004</v>
      </c>
      <c r="K39" s="399">
        <v>77.099999999999994</v>
      </c>
      <c r="L39" s="399">
        <v>-7.2</v>
      </c>
      <c r="M39" s="399">
        <v>84.5</v>
      </c>
      <c r="N39" s="399">
        <v>3.8</v>
      </c>
      <c r="O39" s="399">
        <v>73.5</v>
      </c>
      <c r="P39" s="399">
        <v>2.8</v>
      </c>
      <c r="Q39" s="399">
        <v>79.2</v>
      </c>
      <c r="R39" s="399">
        <v>-7.5</v>
      </c>
      <c r="S39" s="399">
        <v>82</v>
      </c>
      <c r="T39" s="399">
        <v>11.7</v>
      </c>
      <c r="U39" s="399">
        <v>71.5</v>
      </c>
      <c r="V39" s="399">
        <v>-22.6</v>
      </c>
      <c r="W39" s="399">
        <v>71.900000000000006</v>
      </c>
      <c r="X39" s="399">
        <v>-6</v>
      </c>
      <c r="Y39" s="399">
        <v>128.30000000000001</v>
      </c>
      <c r="Z39" s="399">
        <v>9.6999999999999993</v>
      </c>
      <c r="AA39" s="399">
        <v>94.8</v>
      </c>
      <c r="AB39" s="399">
        <v>0.3</v>
      </c>
      <c r="AC39" s="399">
        <v>74.099999999999994</v>
      </c>
      <c r="AD39" s="399">
        <v>18.399999999999999</v>
      </c>
      <c r="AE39" s="399">
        <v>90.7</v>
      </c>
      <c r="AF39" s="399">
        <v>2.7</v>
      </c>
      <c r="AG39" s="418">
        <v>71.599999999999994</v>
      </c>
      <c r="AH39" s="418">
        <v>5.3</v>
      </c>
      <c r="AI39" s="399">
        <v>93</v>
      </c>
      <c r="AJ39" s="399">
        <v>5.9</v>
      </c>
      <c r="AK39" s="373"/>
    </row>
    <row r="40" spans="1:38" s="375" customFormat="1" ht="15" customHeight="1" x14ac:dyDescent="0.15">
      <c r="A40" s="623"/>
      <c r="B40" s="419">
        <v>30</v>
      </c>
      <c r="C40" s="397" t="s">
        <v>0</v>
      </c>
      <c r="D40" s="398" t="s">
        <v>238</v>
      </c>
      <c r="E40" s="401">
        <v>83.7</v>
      </c>
      <c r="F40" s="402">
        <v>-1.3</v>
      </c>
      <c r="G40" s="401">
        <v>81.5</v>
      </c>
      <c r="H40" s="401">
        <v>-4.2</v>
      </c>
      <c r="I40" s="401">
        <v>82.5</v>
      </c>
      <c r="J40" s="401">
        <v>1.1000000000000001</v>
      </c>
      <c r="K40" s="401">
        <v>70.2</v>
      </c>
      <c r="L40" s="401">
        <v>-17.3</v>
      </c>
      <c r="M40" s="401">
        <v>85.9</v>
      </c>
      <c r="N40" s="401">
        <v>-0.9</v>
      </c>
      <c r="O40" s="401">
        <v>79</v>
      </c>
      <c r="P40" s="401">
        <v>-12.2</v>
      </c>
      <c r="Q40" s="401">
        <v>78.2</v>
      </c>
      <c r="R40" s="401">
        <v>-7.9</v>
      </c>
      <c r="S40" s="401">
        <v>88</v>
      </c>
      <c r="T40" s="401">
        <v>27</v>
      </c>
      <c r="U40" s="401">
        <v>79.5</v>
      </c>
      <c r="V40" s="401">
        <v>-33</v>
      </c>
      <c r="W40" s="401">
        <v>74.099999999999994</v>
      </c>
      <c r="X40" s="401">
        <v>-2.5</v>
      </c>
      <c r="Y40" s="401">
        <v>124.4</v>
      </c>
      <c r="Z40" s="401">
        <v>-15.8</v>
      </c>
      <c r="AA40" s="401">
        <v>101.1</v>
      </c>
      <c r="AB40" s="401">
        <v>2</v>
      </c>
      <c r="AC40" s="401">
        <v>74.099999999999994</v>
      </c>
      <c r="AD40" s="401">
        <v>12.8</v>
      </c>
      <c r="AE40" s="401">
        <v>90</v>
      </c>
      <c r="AF40" s="401">
        <v>0.1</v>
      </c>
      <c r="AG40" s="417">
        <v>78</v>
      </c>
      <c r="AH40" s="417">
        <v>-3</v>
      </c>
      <c r="AI40" s="401">
        <v>88.8</v>
      </c>
      <c r="AJ40" s="401">
        <v>7.1</v>
      </c>
      <c r="AK40" s="373"/>
    </row>
    <row r="41" spans="1:38" s="375" customFormat="1" ht="15" customHeight="1" x14ac:dyDescent="0.15">
      <c r="A41" s="623"/>
      <c r="B41" s="647" t="s">
        <v>209</v>
      </c>
      <c r="C41" s="397" t="s">
        <v>0</v>
      </c>
      <c r="D41" s="398" t="s">
        <v>239</v>
      </c>
      <c r="E41" s="399">
        <v>81.2</v>
      </c>
      <c r="F41" s="400">
        <v>-2.4</v>
      </c>
      <c r="G41" s="399">
        <v>80.8</v>
      </c>
      <c r="H41" s="399">
        <v>-0.5</v>
      </c>
      <c r="I41" s="399">
        <v>77.2</v>
      </c>
      <c r="J41" s="399">
        <v>-1.3</v>
      </c>
      <c r="K41" s="399">
        <v>70.7</v>
      </c>
      <c r="L41" s="399">
        <v>-15.2</v>
      </c>
      <c r="M41" s="399">
        <v>84.9</v>
      </c>
      <c r="N41" s="399">
        <v>4.8</v>
      </c>
      <c r="O41" s="399">
        <v>71.099999999999994</v>
      </c>
      <c r="P41" s="399">
        <v>-1.5</v>
      </c>
      <c r="Q41" s="399">
        <v>81.3</v>
      </c>
      <c r="R41" s="399">
        <v>-9</v>
      </c>
      <c r="S41" s="399">
        <v>75.5</v>
      </c>
      <c r="T41" s="399">
        <v>9.4</v>
      </c>
      <c r="U41" s="399">
        <v>74.5</v>
      </c>
      <c r="V41" s="399">
        <v>-15.7</v>
      </c>
      <c r="W41" s="399">
        <v>83.3</v>
      </c>
      <c r="X41" s="399">
        <v>-2.1</v>
      </c>
      <c r="Y41" s="399">
        <v>121.6</v>
      </c>
      <c r="Z41" s="399">
        <v>9.1</v>
      </c>
      <c r="AA41" s="399">
        <v>102</v>
      </c>
      <c r="AB41" s="399">
        <v>4.3</v>
      </c>
      <c r="AC41" s="399">
        <v>68.8</v>
      </c>
      <c r="AD41" s="399">
        <v>2.5</v>
      </c>
      <c r="AE41" s="399">
        <v>83.6</v>
      </c>
      <c r="AF41" s="399">
        <v>-11.1</v>
      </c>
      <c r="AG41" s="418">
        <v>73.900000000000006</v>
      </c>
      <c r="AH41" s="418">
        <v>-4.5999999999999996</v>
      </c>
      <c r="AI41" s="399">
        <v>88.3</v>
      </c>
      <c r="AJ41" s="399">
        <v>7.6</v>
      </c>
      <c r="AK41" s="373"/>
    </row>
    <row r="42" spans="1:38" s="375" customFormat="1" ht="15" customHeight="1" x14ac:dyDescent="0.15">
      <c r="A42" s="623"/>
      <c r="B42" s="647"/>
      <c r="C42" s="397" t="s">
        <v>0</v>
      </c>
      <c r="D42" s="398" t="s">
        <v>240</v>
      </c>
      <c r="E42" s="401">
        <v>155.1</v>
      </c>
      <c r="F42" s="402">
        <v>4.4000000000000004</v>
      </c>
      <c r="G42" s="401">
        <v>183.7</v>
      </c>
      <c r="H42" s="401">
        <v>6.5</v>
      </c>
      <c r="I42" s="401">
        <v>154.4</v>
      </c>
      <c r="J42" s="401">
        <v>11.6</v>
      </c>
      <c r="K42" s="401">
        <v>188.2</v>
      </c>
      <c r="L42" s="401">
        <v>13.6</v>
      </c>
      <c r="M42" s="401">
        <v>221.5</v>
      </c>
      <c r="N42" s="401">
        <v>-2.6</v>
      </c>
      <c r="O42" s="401">
        <v>115.5</v>
      </c>
      <c r="P42" s="401">
        <v>0.3</v>
      </c>
      <c r="Q42" s="401">
        <v>127.4</v>
      </c>
      <c r="R42" s="401">
        <v>11.8</v>
      </c>
      <c r="S42" s="401">
        <v>176.3</v>
      </c>
      <c r="T42" s="401">
        <v>4.0999999999999996</v>
      </c>
      <c r="U42" s="401">
        <v>161</v>
      </c>
      <c r="V42" s="401">
        <v>-11.5</v>
      </c>
      <c r="W42" s="401">
        <v>138.1</v>
      </c>
      <c r="X42" s="401">
        <v>-16.2</v>
      </c>
      <c r="Y42" s="401">
        <v>131.4</v>
      </c>
      <c r="Z42" s="401">
        <v>3.5</v>
      </c>
      <c r="AA42" s="401">
        <v>164.1</v>
      </c>
      <c r="AB42" s="401">
        <v>60.9</v>
      </c>
      <c r="AC42" s="401">
        <v>208.2</v>
      </c>
      <c r="AD42" s="401">
        <v>21</v>
      </c>
      <c r="AE42" s="401">
        <v>136.69999999999999</v>
      </c>
      <c r="AF42" s="401">
        <v>-5.2</v>
      </c>
      <c r="AG42" s="417">
        <v>164.1</v>
      </c>
      <c r="AH42" s="401">
        <v>-0.5</v>
      </c>
      <c r="AI42" s="401">
        <v>133</v>
      </c>
      <c r="AJ42" s="401">
        <v>5.9</v>
      </c>
      <c r="AK42" s="373"/>
    </row>
    <row r="43" spans="1:38" s="375" customFormat="1" ht="15" customHeight="1" x14ac:dyDescent="0.15">
      <c r="A43" s="623"/>
      <c r="B43" s="647"/>
      <c r="C43" s="397" t="s">
        <v>0</v>
      </c>
      <c r="D43" s="398" t="s">
        <v>241</v>
      </c>
      <c r="E43" s="399">
        <v>119.1</v>
      </c>
      <c r="F43" s="400">
        <v>1.6</v>
      </c>
      <c r="G43" s="399">
        <v>122</v>
      </c>
      <c r="H43" s="399">
        <v>2.6</v>
      </c>
      <c r="I43" s="399">
        <v>135.30000000000001</v>
      </c>
      <c r="J43" s="399">
        <v>-5.5</v>
      </c>
      <c r="K43" s="399">
        <v>71</v>
      </c>
      <c r="L43" s="399">
        <v>-12.5</v>
      </c>
      <c r="M43" s="399">
        <v>96.8</v>
      </c>
      <c r="N43" s="399">
        <v>-3.1</v>
      </c>
      <c r="O43" s="399">
        <v>94.3</v>
      </c>
      <c r="P43" s="399">
        <v>9</v>
      </c>
      <c r="Q43" s="399">
        <v>135.30000000000001</v>
      </c>
      <c r="R43" s="399">
        <v>-0.4</v>
      </c>
      <c r="S43" s="399">
        <v>85.9</v>
      </c>
      <c r="T43" s="399">
        <v>10</v>
      </c>
      <c r="U43" s="399">
        <v>110.1</v>
      </c>
      <c r="V43" s="399">
        <v>2.8</v>
      </c>
      <c r="W43" s="399">
        <v>146.9</v>
      </c>
      <c r="X43" s="399">
        <v>2.2000000000000002</v>
      </c>
      <c r="Y43" s="399">
        <v>152.9</v>
      </c>
      <c r="Z43" s="399">
        <v>7.2</v>
      </c>
      <c r="AA43" s="399">
        <v>135.6</v>
      </c>
      <c r="AB43" s="399">
        <v>-8.5</v>
      </c>
      <c r="AC43" s="399">
        <v>75.5</v>
      </c>
      <c r="AD43" s="399">
        <v>-2.2000000000000002</v>
      </c>
      <c r="AE43" s="399">
        <v>108</v>
      </c>
      <c r="AF43" s="399">
        <v>4.0999999999999996</v>
      </c>
      <c r="AG43" s="418">
        <v>82.9</v>
      </c>
      <c r="AH43" s="418">
        <v>8.1999999999999993</v>
      </c>
      <c r="AI43" s="399">
        <v>124.3</v>
      </c>
      <c r="AJ43" s="399">
        <v>21.6</v>
      </c>
      <c r="AK43" s="420"/>
      <c r="AL43" s="404"/>
    </row>
    <row r="44" spans="1:38" s="375" customFormat="1" ht="15" customHeight="1" x14ac:dyDescent="0.15">
      <c r="A44" s="623"/>
      <c r="B44" s="413"/>
      <c r="C44" s="397" t="s">
        <v>0</v>
      </c>
      <c r="D44" s="398" t="s">
        <v>242</v>
      </c>
      <c r="E44" s="401">
        <v>79.7</v>
      </c>
      <c r="F44" s="402">
        <v>-2.7</v>
      </c>
      <c r="G44" s="401">
        <v>87.2</v>
      </c>
      <c r="H44" s="401">
        <v>1.2</v>
      </c>
      <c r="I44" s="401">
        <v>78.099999999999994</v>
      </c>
      <c r="J44" s="401">
        <v>-1.4</v>
      </c>
      <c r="K44" s="401">
        <v>79.400000000000006</v>
      </c>
      <c r="L44" s="401">
        <v>-3.8</v>
      </c>
      <c r="M44" s="401">
        <v>81.7</v>
      </c>
      <c r="N44" s="401">
        <v>3.4</v>
      </c>
      <c r="O44" s="401">
        <v>66.599999999999994</v>
      </c>
      <c r="P44" s="401">
        <v>-4.5999999999999996</v>
      </c>
      <c r="Q44" s="401">
        <v>78.400000000000006</v>
      </c>
      <c r="R44" s="401">
        <v>-5.2</v>
      </c>
      <c r="S44" s="401">
        <v>68.400000000000006</v>
      </c>
      <c r="T44" s="401">
        <v>0.9</v>
      </c>
      <c r="U44" s="401">
        <v>76.3</v>
      </c>
      <c r="V44" s="401">
        <v>-7.6</v>
      </c>
      <c r="W44" s="401">
        <v>71.400000000000006</v>
      </c>
      <c r="X44" s="401">
        <v>-16.8</v>
      </c>
      <c r="Y44" s="401">
        <v>134.4</v>
      </c>
      <c r="Z44" s="401">
        <v>19.899999999999999</v>
      </c>
      <c r="AA44" s="401">
        <v>100.3</v>
      </c>
      <c r="AB44" s="401">
        <v>1.5</v>
      </c>
      <c r="AC44" s="401">
        <v>66.400000000000006</v>
      </c>
      <c r="AD44" s="401">
        <v>4.7</v>
      </c>
      <c r="AE44" s="401">
        <v>86.7</v>
      </c>
      <c r="AF44" s="401">
        <v>-5.8</v>
      </c>
      <c r="AG44" s="417">
        <v>71.900000000000006</v>
      </c>
      <c r="AH44" s="401">
        <v>2.4</v>
      </c>
      <c r="AI44" s="401">
        <v>87.2</v>
      </c>
      <c r="AJ44" s="401">
        <v>4.8</v>
      </c>
      <c r="AK44" s="420"/>
      <c r="AL44" s="404"/>
    </row>
    <row r="45" spans="1:38" s="375" customFormat="1" ht="15" customHeight="1" x14ac:dyDescent="0.15">
      <c r="A45" s="623"/>
      <c r="B45" s="413"/>
      <c r="C45" s="397" t="s">
        <v>0</v>
      </c>
      <c r="D45" s="398" t="s">
        <v>243</v>
      </c>
      <c r="E45" s="399">
        <v>80.2</v>
      </c>
      <c r="F45" s="400">
        <v>-0.6</v>
      </c>
      <c r="G45" s="399">
        <v>79.8</v>
      </c>
      <c r="H45" s="399">
        <v>1.4</v>
      </c>
      <c r="I45" s="399">
        <v>79.900000000000006</v>
      </c>
      <c r="J45" s="399">
        <v>-1.6</v>
      </c>
      <c r="K45" s="399">
        <v>68.900000000000006</v>
      </c>
      <c r="L45" s="399">
        <v>-16.100000000000001</v>
      </c>
      <c r="M45" s="399">
        <v>80.7</v>
      </c>
      <c r="N45" s="399">
        <v>3.6</v>
      </c>
      <c r="O45" s="399">
        <v>70.3</v>
      </c>
      <c r="P45" s="399">
        <v>0</v>
      </c>
      <c r="Q45" s="399">
        <v>78.8</v>
      </c>
      <c r="R45" s="399">
        <v>-4.5</v>
      </c>
      <c r="S45" s="399">
        <v>74.099999999999994</v>
      </c>
      <c r="T45" s="399">
        <v>-2.8</v>
      </c>
      <c r="U45" s="399">
        <v>76</v>
      </c>
      <c r="V45" s="399">
        <v>-18.2</v>
      </c>
      <c r="W45" s="399">
        <v>72.599999999999994</v>
      </c>
      <c r="X45" s="399">
        <v>-5</v>
      </c>
      <c r="Y45" s="399">
        <v>120.9</v>
      </c>
      <c r="Z45" s="399">
        <v>13.6</v>
      </c>
      <c r="AA45" s="399">
        <v>100.3</v>
      </c>
      <c r="AB45" s="399">
        <v>6.8</v>
      </c>
      <c r="AC45" s="399">
        <v>66.2</v>
      </c>
      <c r="AD45" s="399">
        <v>3.9</v>
      </c>
      <c r="AE45" s="399">
        <v>83.3</v>
      </c>
      <c r="AF45" s="399">
        <v>-5.4</v>
      </c>
      <c r="AG45" s="418">
        <v>71.2</v>
      </c>
      <c r="AH45" s="399">
        <v>-19.3</v>
      </c>
      <c r="AI45" s="399">
        <v>94.1</v>
      </c>
      <c r="AJ45" s="399">
        <v>10.3</v>
      </c>
      <c r="AK45" s="420"/>
      <c r="AL45" s="404"/>
    </row>
    <row r="46" spans="1:38" s="375" customFormat="1" ht="15" customHeight="1" x14ac:dyDescent="0.15">
      <c r="A46" s="623"/>
      <c r="B46" s="413"/>
      <c r="C46" s="397" t="s">
        <v>0</v>
      </c>
      <c r="D46" s="398" t="s">
        <v>244</v>
      </c>
      <c r="E46" s="401">
        <v>82.4</v>
      </c>
      <c r="F46" s="402">
        <v>1.2</v>
      </c>
      <c r="G46" s="401">
        <v>80.8</v>
      </c>
      <c r="H46" s="401">
        <v>0.5</v>
      </c>
      <c r="I46" s="401">
        <v>78.900000000000006</v>
      </c>
      <c r="J46" s="401">
        <v>-0.1</v>
      </c>
      <c r="K46" s="401">
        <v>85.2</v>
      </c>
      <c r="L46" s="401">
        <v>1.4</v>
      </c>
      <c r="M46" s="401">
        <v>84</v>
      </c>
      <c r="N46" s="401">
        <v>-1.4</v>
      </c>
      <c r="O46" s="401">
        <v>74.3</v>
      </c>
      <c r="P46" s="401">
        <v>-8.9</v>
      </c>
      <c r="Q46" s="401">
        <v>88.5</v>
      </c>
      <c r="R46" s="401">
        <v>2.8</v>
      </c>
      <c r="S46" s="401">
        <v>74</v>
      </c>
      <c r="T46" s="401">
        <v>7.4</v>
      </c>
      <c r="U46" s="401">
        <v>80.8</v>
      </c>
      <c r="V46" s="401">
        <v>-10.1</v>
      </c>
      <c r="W46" s="401">
        <v>74.3</v>
      </c>
      <c r="X46" s="401">
        <v>-5.6</v>
      </c>
      <c r="Y46" s="401">
        <v>123.1</v>
      </c>
      <c r="Z46" s="401">
        <v>12.2</v>
      </c>
      <c r="AA46" s="401">
        <v>97.1</v>
      </c>
      <c r="AB46" s="401">
        <v>0.4</v>
      </c>
      <c r="AC46" s="401">
        <v>69.400000000000006</v>
      </c>
      <c r="AD46" s="401">
        <v>2.7</v>
      </c>
      <c r="AE46" s="401">
        <v>86.1</v>
      </c>
      <c r="AF46" s="401">
        <v>6.6</v>
      </c>
      <c r="AG46" s="417">
        <v>77.599999999999994</v>
      </c>
      <c r="AH46" s="401">
        <v>8.1</v>
      </c>
      <c r="AI46" s="401">
        <v>90.4</v>
      </c>
      <c r="AJ46" s="401">
        <v>7.9</v>
      </c>
      <c r="AK46" s="420"/>
      <c r="AL46" s="404"/>
    </row>
    <row r="47" spans="1:38" s="375" customFormat="1" ht="13.5" customHeight="1" x14ac:dyDescent="0.15">
      <c r="A47" s="623"/>
      <c r="B47" s="413"/>
      <c r="C47" s="397"/>
      <c r="D47" s="398"/>
      <c r="E47" s="401"/>
      <c r="F47" s="402"/>
      <c r="G47" s="401"/>
      <c r="H47" s="401"/>
      <c r="I47" s="401"/>
      <c r="J47" s="401"/>
      <c r="K47" s="401"/>
      <c r="L47" s="401"/>
      <c r="M47" s="401"/>
      <c r="N47" s="401"/>
      <c r="O47" s="401"/>
      <c r="P47" s="401"/>
      <c r="Q47" s="401"/>
      <c r="R47" s="401"/>
      <c r="S47" s="401"/>
      <c r="T47" s="401"/>
      <c r="U47" s="401"/>
      <c r="V47" s="401"/>
      <c r="W47" s="401"/>
      <c r="X47" s="401"/>
      <c r="Y47" s="401"/>
      <c r="Z47" s="401"/>
      <c r="AA47" s="401"/>
      <c r="AB47" s="401"/>
      <c r="AC47" s="401"/>
      <c r="AD47" s="401"/>
      <c r="AE47" s="401"/>
      <c r="AF47" s="401"/>
      <c r="AG47" s="417"/>
      <c r="AH47" s="417"/>
      <c r="AI47" s="401"/>
      <c r="AJ47" s="401"/>
      <c r="AK47" s="373"/>
    </row>
    <row r="48" spans="1:38" s="375" customFormat="1" ht="13.5" customHeight="1" x14ac:dyDescent="0.15">
      <c r="A48" s="623"/>
      <c r="B48" s="413"/>
      <c r="C48" s="397" t="s">
        <v>234</v>
      </c>
      <c r="D48" s="398" t="s">
        <v>232</v>
      </c>
      <c r="E48" s="399">
        <v>84.1</v>
      </c>
      <c r="F48" s="400">
        <v>1.2</v>
      </c>
      <c r="G48" s="399">
        <v>80</v>
      </c>
      <c r="H48" s="399">
        <v>1.3</v>
      </c>
      <c r="I48" s="399">
        <v>83</v>
      </c>
      <c r="J48" s="399">
        <v>0.2</v>
      </c>
      <c r="K48" s="399">
        <v>68</v>
      </c>
      <c r="L48" s="399">
        <v>-16.8</v>
      </c>
      <c r="M48" s="399">
        <v>83</v>
      </c>
      <c r="N48" s="399">
        <v>7.4</v>
      </c>
      <c r="O48" s="399">
        <v>69.2</v>
      </c>
      <c r="P48" s="399">
        <v>-4.3</v>
      </c>
      <c r="Q48" s="399">
        <v>84.1</v>
      </c>
      <c r="R48" s="399">
        <v>3.1</v>
      </c>
      <c r="S48" s="399">
        <v>71.7</v>
      </c>
      <c r="T48" s="399">
        <v>5</v>
      </c>
      <c r="U48" s="399">
        <v>81.400000000000006</v>
      </c>
      <c r="V48" s="399">
        <v>-1.6</v>
      </c>
      <c r="W48" s="399">
        <v>82.5</v>
      </c>
      <c r="X48" s="399">
        <v>0.2</v>
      </c>
      <c r="Y48" s="399">
        <v>125.4</v>
      </c>
      <c r="Z48" s="399">
        <v>19.399999999999999</v>
      </c>
      <c r="AA48" s="399">
        <v>100.7</v>
      </c>
      <c r="AB48" s="399">
        <v>-3.6</v>
      </c>
      <c r="AC48" s="399">
        <v>64.900000000000006</v>
      </c>
      <c r="AD48" s="399">
        <v>1.6</v>
      </c>
      <c r="AE48" s="399">
        <v>97.3</v>
      </c>
      <c r="AF48" s="399">
        <v>-1.7</v>
      </c>
      <c r="AG48" s="399">
        <v>69.599999999999994</v>
      </c>
      <c r="AH48" s="399">
        <v>-7.9</v>
      </c>
      <c r="AI48" s="399">
        <v>89.9</v>
      </c>
      <c r="AJ48" s="399">
        <v>6.8</v>
      </c>
      <c r="AK48" s="373"/>
    </row>
    <row r="49" spans="1:36" ht="11.25" customHeight="1" thickBot="1" x14ac:dyDescent="0.2">
      <c r="A49" s="623"/>
      <c r="B49" s="421"/>
      <c r="C49" s="422"/>
      <c r="D49" s="423"/>
      <c r="E49" s="374"/>
      <c r="F49" s="424"/>
      <c r="G49" s="374"/>
      <c r="H49" s="374"/>
      <c r="I49" s="374"/>
      <c r="J49" s="374"/>
      <c r="K49" s="374"/>
      <c r="L49" s="374"/>
      <c r="M49" s="374"/>
      <c r="N49" s="374"/>
      <c r="O49" s="374"/>
      <c r="P49" s="374"/>
      <c r="Q49" s="374"/>
      <c r="R49" s="374"/>
      <c r="S49" s="374"/>
      <c r="T49" s="374"/>
      <c r="U49" s="374"/>
      <c r="V49" s="374"/>
      <c r="W49" s="374"/>
      <c r="X49" s="374"/>
      <c r="Y49" s="374"/>
      <c r="Z49" s="374"/>
      <c r="AA49" s="374"/>
      <c r="AB49" s="374"/>
      <c r="AC49" s="374"/>
      <c r="AD49" s="374"/>
      <c r="AE49" s="374"/>
      <c r="AF49" s="374"/>
      <c r="AG49" s="374"/>
      <c r="AH49" s="374"/>
      <c r="AI49" s="374"/>
      <c r="AJ49" s="374"/>
    </row>
    <row r="50" spans="1:36" ht="14.1" customHeight="1" x14ac:dyDescent="0.15">
      <c r="A50" s="623"/>
      <c r="C50" s="648" t="s">
        <v>214</v>
      </c>
      <c r="D50" s="648"/>
      <c r="E50" s="648"/>
      <c r="F50" s="648"/>
      <c r="G50" s="648"/>
      <c r="H50" s="648"/>
      <c r="I50" s="648"/>
      <c r="J50" s="648"/>
      <c r="K50" s="648"/>
      <c r="L50" s="648"/>
      <c r="M50" s="648"/>
      <c r="N50" s="648"/>
      <c r="O50" s="648"/>
      <c r="P50" s="648"/>
      <c r="Q50" s="648"/>
      <c r="R50" s="648"/>
      <c r="S50" s="648"/>
      <c r="T50" s="648"/>
      <c r="U50" s="648"/>
      <c r="V50" s="648"/>
      <c r="W50" s="648"/>
      <c r="X50" s="648"/>
      <c r="Y50" s="648"/>
      <c r="Z50" s="648"/>
      <c r="AA50" s="648"/>
      <c r="AB50" s="648"/>
      <c r="AC50" s="648"/>
      <c r="AD50" s="648"/>
      <c r="AE50" s="648"/>
      <c r="AF50" s="648"/>
      <c r="AG50" s="648"/>
      <c r="AH50" s="648"/>
      <c r="AI50" s="648"/>
      <c r="AJ50" s="648"/>
    </row>
    <row r="52" spans="1:36" x14ac:dyDescent="0.15">
      <c r="B52" s="642"/>
      <c r="C52" s="642"/>
      <c r="D52" s="642"/>
      <c r="E52" s="642"/>
      <c r="F52" s="642"/>
      <c r="G52" s="642"/>
      <c r="H52" s="642"/>
      <c r="I52" s="642"/>
      <c r="J52" s="642"/>
      <c r="K52" s="642"/>
    </row>
  </sheetData>
  <protectedRanges>
    <protectedRange sqref="AI26:AJ26" name="範囲1_1_1"/>
    <protectedRange sqref="U26:AB26" name="範囲1_1_2"/>
    <protectedRange sqref="U47:AB47" name="範囲1_1_3"/>
    <protectedRange sqref="AI47:AJ47" name="範囲1_1_4"/>
    <protectedRange sqref="U30:AB30 AI30:AJ30" name="範囲1_1_3_1_1_1"/>
  </protectedRanges>
  <mergeCells count="55">
    <mergeCell ref="B52:K52"/>
    <mergeCell ref="AG6:AH6"/>
    <mergeCell ref="AI6:AJ6"/>
    <mergeCell ref="B8:B28"/>
    <mergeCell ref="B35:B39"/>
    <mergeCell ref="B41:B43"/>
    <mergeCell ref="C50:AJ50"/>
    <mergeCell ref="U6:V6"/>
    <mergeCell ref="W6:X6"/>
    <mergeCell ref="Y6:Z6"/>
    <mergeCell ref="AI5:AJ5"/>
    <mergeCell ref="E6:F6"/>
    <mergeCell ref="G6:H6"/>
    <mergeCell ref="I6:J6"/>
    <mergeCell ref="K6:L6"/>
    <mergeCell ref="M6:N6"/>
    <mergeCell ref="Y5:Z5"/>
    <mergeCell ref="AA6:AB6"/>
    <mergeCell ref="AC6:AD6"/>
    <mergeCell ref="AE6:AF6"/>
    <mergeCell ref="AG5:AH5"/>
    <mergeCell ref="O6:P6"/>
    <mergeCell ref="Q6:R6"/>
    <mergeCell ref="S6:T6"/>
    <mergeCell ref="U5:V5"/>
    <mergeCell ref="W5:X5"/>
    <mergeCell ref="AA5:AB5"/>
    <mergeCell ref="AC5:AD5"/>
    <mergeCell ref="AE5:AF5"/>
    <mergeCell ref="AA4:AB4"/>
    <mergeCell ref="AC4:AD4"/>
    <mergeCell ref="AE4:AF4"/>
    <mergeCell ref="Y4:Z4"/>
    <mergeCell ref="A1:A50"/>
    <mergeCell ref="AF1:AJ1"/>
    <mergeCell ref="H2:L2"/>
    <mergeCell ref="P2:T2"/>
    <mergeCell ref="C3:D7"/>
    <mergeCell ref="E4:F4"/>
    <mergeCell ref="G4:H4"/>
    <mergeCell ref="AG4:AH4"/>
    <mergeCell ref="AI4:AJ4"/>
    <mergeCell ref="K5:L5"/>
    <mergeCell ref="M5:N5"/>
    <mergeCell ref="O5:P5"/>
    <mergeCell ref="Q5:R5"/>
    <mergeCell ref="S5:T5"/>
    <mergeCell ref="O4:P4"/>
    <mergeCell ref="I4:J4"/>
    <mergeCell ref="K4:L4"/>
    <mergeCell ref="M4:N4"/>
    <mergeCell ref="U4:V4"/>
    <mergeCell ref="W4:X4"/>
    <mergeCell ref="Q4:R4"/>
    <mergeCell ref="S4:T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65654A-CEB7-4990-8CFE-FC8715D7962A}">
  <sheetPr codeName="Sheet18">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9" customWidth="1"/>
    <col min="3" max="3" width="6.625" style="38" customWidth="1"/>
    <col min="4" max="4" width="3.875" style="38" customWidth="1"/>
    <col min="5" max="33" width="4.875" style="38" customWidth="1"/>
    <col min="34" max="34" width="5.125" style="38" customWidth="1"/>
    <col min="35" max="36" width="4.875" style="38" customWidth="1"/>
    <col min="37" max="37" width="9" style="38"/>
  </cols>
  <sheetData>
    <row r="1" spans="1:37" ht="18.75" customHeight="1" x14ac:dyDescent="0.15">
      <c r="A1" s="547" t="s">
        <v>215</v>
      </c>
      <c r="B1" s="10" t="s">
        <v>216</v>
      </c>
      <c r="D1" s="323"/>
      <c r="E1" s="323"/>
      <c r="F1" s="323"/>
      <c r="G1" s="323"/>
      <c r="H1" s="323"/>
      <c r="I1" s="323"/>
      <c r="J1" s="323"/>
      <c r="K1" s="323"/>
      <c r="L1" s="323"/>
      <c r="M1" s="323"/>
      <c r="N1" s="323"/>
      <c r="O1" s="323"/>
      <c r="P1" s="323"/>
      <c r="Q1" s="323"/>
      <c r="R1" s="323"/>
      <c r="S1" s="323"/>
      <c r="T1" s="323"/>
      <c r="U1" s="323"/>
      <c r="V1" s="323"/>
      <c r="W1" s="323"/>
      <c r="X1" s="323"/>
      <c r="Y1" s="323"/>
      <c r="Z1" s="323"/>
      <c r="AA1" s="323"/>
      <c r="AB1" s="323"/>
      <c r="AC1" s="323"/>
      <c r="AD1" s="323"/>
      <c r="AE1" s="323"/>
      <c r="AF1" s="549" t="s">
        <v>213</v>
      </c>
      <c r="AG1" s="549"/>
      <c r="AH1" s="549"/>
      <c r="AI1" s="549"/>
      <c r="AJ1" s="549"/>
    </row>
    <row r="2" spans="1:37" s="326" customFormat="1" ht="3.75" customHeight="1" thickBot="1" x14ac:dyDescent="0.2">
      <c r="A2" s="547"/>
      <c r="B2" s="426"/>
      <c r="C2" s="130"/>
      <c r="D2" s="130"/>
      <c r="E2" s="130"/>
      <c r="F2" s="130"/>
      <c r="G2" s="130"/>
      <c r="H2" s="586"/>
      <c r="I2" s="586"/>
      <c r="J2" s="586"/>
      <c r="K2" s="586"/>
      <c r="L2" s="586"/>
      <c r="M2" s="130"/>
      <c r="N2" s="130"/>
      <c r="O2" s="130"/>
      <c r="P2" s="586"/>
      <c r="Q2" s="586"/>
      <c r="R2" s="586"/>
      <c r="S2" s="586"/>
      <c r="T2" s="586"/>
      <c r="U2" s="130"/>
      <c r="V2" s="130"/>
      <c r="W2" s="130"/>
      <c r="X2" s="130"/>
      <c r="Y2" s="130"/>
      <c r="Z2" s="130"/>
      <c r="AA2" s="130"/>
      <c r="AB2" s="129"/>
      <c r="AC2" s="129"/>
      <c r="AD2" s="129"/>
      <c r="AE2" s="129"/>
      <c r="AF2" s="325"/>
      <c r="AG2" s="325"/>
      <c r="AH2" s="325"/>
      <c r="AI2" s="325"/>
      <c r="AJ2" s="325"/>
      <c r="AK2" s="129"/>
    </row>
    <row r="3" spans="1:37" s="326" customFormat="1" ht="6" customHeight="1" x14ac:dyDescent="0.15">
      <c r="A3" s="547"/>
      <c r="B3" s="427"/>
      <c r="C3" s="601"/>
      <c r="D3" s="60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29"/>
    </row>
    <row r="4" spans="1:37" s="326" customFormat="1" ht="10.5" customHeight="1" x14ac:dyDescent="0.15">
      <c r="A4" s="547"/>
      <c r="B4" s="426"/>
      <c r="C4" s="603"/>
      <c r="D4" s="604"/>
      <c r="E4" s="588" t="s">
        <v>90</v>
      </c>
      <c r="F4" s="607"/>
      <c r="G4" s="608" t="s">
        <v>1</v>
      </c>
      <c r="H4" s="589"/>
      <c r="I4" s="588" t="s">
        <v>2</v>
      </c>
      <c r="J4" s="589"/>
      <c r="K4" s="588" t="s">
        <v>183</v>
      </c>
      <c r="L4" s="589"/>
      <c r="M4" s="588" t="s">
        <v>184</v>
      </c>
      <c r="N4" s="590"/>
      <c r="O4" s="588" t="s">
        <v>185</v>
      </c>
      <c r="P4" s="590"/>
      <c r="Q4" s="588" t="s">
        <v>186</v>
      </c>
      <c r="R4" s="590"/>
      <c r="S4" s="588" t="s">
        <v>187</v>
      </c>
      <c r="T4" s="590"/>
      <c r="U4" s="588" t="s">
        <v>188</v>
      </c>
      <c r="V4" s="590"/>
      <c r="W4" s="591" t="s">
        <v>189</v>
      </c>
      <c r="X4" s="592"/>
      <c r="Y4" s="588" t="s">
        <v>190</v>
      </c>
      <c r="Z4" s="593"/>
      <c r="AA4" s="591" t="s">
        <v>191</v>
      </c>
      <c r="AB4" s="592"/>
      <c r="AC4" s="588" t="s">
        <v>192</v>
      </c>
      <c r="AD4" s="593"/>
      <c r="AE4" s="588" t="s">
        <v>193</v>
      </c>
      <c r="AF4" s="593"/>
      <c r="AG4" s="588" t="s">
        <v>194</v>
      </c>
      <c r="AH4" s="593"/>
      <c r="AI4" s="588" t="s">
        <v>195</v>
      </c>
      <c r="AJ4" s="609"/>
      <c r="AK4" s="129"/>
    </row>
    <row r="5" spans="1:37" s="326" customFormat="1" ht="10.5" customHeight="1" x14ac:dyDescent="0.15">
      <c r="A5" s="547"/>
      <c r="B5" s="426"/>
      <c r="C5" s="603"/>
      <c r="D5" s="604"/>
      <c r="E5" s="332"/>
      <c r="F5" s="333"/>
      <c r="G5" s="334"/>
      <c r="H5" s="335"/>
      <c r="I5" s="332"/>
      <c r="J5" s="335"/>
      <c r="K5" s="591" t="s">
        <v>196</v>
      </c>
      <c r="L5" s="592"/>
      <c r="M5" s="610"/>
      <c r="N5" s="590"/>
      <c r="O5" s="611" t="s">
        <v>197</v>
      </c>
      <c r="P5" s="590"/>
      <c r="Q5" s="588" t="s">
        <v>198</v>
      </c>
      <c r="R5" s="590"/>
      <c r="S5" s="588" t="s">
        <v>199</v>
      </c>
      <c r="T5" s="590"/>
      <c r="U5" s="588" t="s">
        <v>200</v>
      </c>
      <c r="V5" s="590"/>
      <c r="W5" s="591" t="s">
        <v>201</v>
      </c>
      <c r="X5" s="592"/>
      <c r="Y5" s="591" t="s">
        <v>202</v>
      </c>
      <c r="Z5" s="592"/>
      <c r="AA5" s="588" t="s">
        <v>203</v>
      </c>
      <c r="AB5" s="590"/>
      <c r="AC5" s="588" t="s">
        <v>204</v>
      </c>
      <c r="AD5" s="593"/>
      <c r="AE5" s="588"/>
      <c r="AF5" s="590"/>
      <c r="AG5" s="588" t="s">
        <v>205</v>
      </c>
      <c r="AH5" s="590"/>
      <c r="AI5" s="588"/>
      <c r="AJ5" s="614"/>
      <c r="AK5" s="129"/>
    </row>
    <row r="6" spans="1:37" s="337" customFormat="1" ht="15" customHeight="1" x14ac:dyDescent="0.15">
      <c r="A6" s="547"/>
      <c r="B6" s="428"/>
      <c r="C6" s="603"/>
      <c r="D6" s="604"/>
      <c r="E6" s="612" t="s">
        <v>206</v>
      </c>
      <c r="F6" s="615"/>
      <c r="G6" s="616" t="s">
        <v>206</v>
      </c>
      <c r="H6" s="613"/>
      <c r="I6" s="612" t="s">
        <v>206</v>
      </c>
      <c r="J6" s="613"/>
      <c r="K6" s="612" t="s">
        <v>206</v>
      </c>
      <c r="L6" s="613"/>
      <c r="M6" s="612" t="s">
        <v>206</v>
      </c>
      <c r="N6" s="613"/>
      <c r="O6" s="612" t="s">
        <v>206</v>
      </c>
      <c r="P6" s="613"/>
      <c r="Q6" s="612" t="s">
        <v>206</v>
      </c>
      <c r="R6" s="613"/>
      <c r="S6" s="612" t="s">
        <v>206</v>
      </c>
      <c r="T6" s="613"/>
      <c r="U6" s="612" t="s">
        <v>206</v>
      </c>
      <c r="V6" s="613"/>
      <c r="W6" s="612" t="s">
        <v>206</v>
      </c>
      <c r="X6" s="613"/>
      <c r="Y6" s="612" t="s">
        <v>206</v>
      </c>
      <c r="Z6" s="613"/>
      <c r="AA6" s="612" t="s">
        <v>206</v>
      </c>
      <c r="AB6" s="613"/>
      <c r="AC6" s="612" t="s">
        <v>206</v>
      </c>
      <c r="AD6" s="613"/>
      <c r="AE6" s="612" t="s">
        <v>206</v>
      </c>
      <c r="AF6" s="613"/>
      <c r="AG6" s="612" t="s">
        <v>206</v>
      </c>
      <c r="AH6" s="613"/>
      <c r="AI6" s="612" t="s">
        <v>206</v>
      </c>
      <c r="AJ6" s="616"/>
      <c r="AK6" s="130"/>
    </row>
    <row r="7" spans="1:37" s="326" customFormat="1" ht="7.5" customHeight="1" x14ac:dyDescent="0.15">
      <c r="A7" s="547"/>
      <c r="B7" s="429"/>
      <c r="C7" s="605"/>
      <c r="D7" s="606"/>
      <c r="E7" s="339"/>
      <c r="F7" s="340" t="s">
        <v>165</v>
      </c>
      <c r="G7" s="341"/>
      <c r="H7" s="342" t="s">
        <v>165</v>
      </c>
      <c r="I7" s="339"/>
      <c r="J7" s="342" t="s">
        <v>165</v>
      </c>
      <c r="K7" s="339"/>
      <c r="L7" s="342" t="s">
        <v>165</v>
      </c>
      <c r="M7" s="339"/>
      <c r="N7" s="342" t="s">
        <v>165</v>
      </c>
      <c r="O7" s="339"/>
      <c r="P7" s="342" t="s">
        <v>165</v>
      </c>
      <c r="Q7" s="339"/>
      <c r="R7" s="342" t="s">
        <v>165</v>
      </c>
      <c r="S7" s="339"/>
      <c r="T7" s="342" t="s">
        <v>165</v>
      </c>
      <c r="U7" s="339"/>
      <c r="V7" s="342" t="s">
        <v>165</v>
      </c>
      <c r="W7" s="339"/>
      <c r="X7" s="342" t="s">
        <v>165</v>
      </c>
      <c r="Y7" s="339"/>
      <c r="Z7" s="342" t="s">
        <v>165</v>
      </c>
      <c r="AA7" s="339"/>
      <c r="AB7" s="342" t="s">
        <v>165</v>
      </c>
      <c r="AC7" s="339"/>
      <c r="AD7" s="342" t="s">
        <v>165</v>
      </c>
      <c r="AE7" s="339"/>
      <c r="AF7" s="342" t="s">
        <v>165</v>
      </c>
      <c r="AG7" s="339"/>
      <c r="AH7" s="342" t="s">
        <v>165</v>
      </c>
      <c r="AI7" s="339"/>
      <c r="AJ7" s="262" t="s">
        <v>165</v>
      </c>
      <c r="AK7" s="129"/>
    </row>
    <row r="8" spans="1:37" s="326" customFormat="1" ht="11.25" customHeight="1" x14ac:dyDescent="0.15">
      <c r="A8" s="547"/>
      <c r="B8" s="594" t="s">
        <v>207</v>
      </c>
      <c r="C8" s="343"/>
      <c r="D8" s="430"/>
      <c r="E8" s="365"/>
      <c r="F8" s="431"/>
      <c r="G8" s="365"/>
      <c r="H8" s="365"/>
      <c r="I8" s="365"/>
      <c r="J8" s="365"/>
      <c r="K8" s="365"/>
      <c r="L8" s="365"/>
      <c r="M8" s="365"/>
      <c r="N8" s="365"/>
      <c r="O8" s="365"/>
      <c r="P8" s="365"/>
      <c r="Q8" s="365"/>
      <c r="R8" s="365"/>
      <c r="S8" s="365"/>
      <c r="T8" s="365"/>
      <c r="U8" s="365"/>
      <c r="V8" s="365"/>
      <c r="W8" s="365"/>
      <c r="X8" s="365"/>
      <c r="Y8" s="365"/>
      <c r="Z8" s="365"/>
      <c r="AA8" s="365"/>
      <c r="AB8" s="365"/>
      <c r="AC8" s="365"/>
      <c r="AD8" s="365"/>
      <c r="AE8" s="365"/>
      <c r="AF8" s="365"/>
      <c r="AG8" s="365"/>
      <c r="AH8" s="365"/>
      <c r="AI8" s="365"/>
      <c r="AJ8" s="365"/>
      <c r="AK8" s="129"/>
    </row>
    <row r="9" spans="1:37" s="326" customFormat="1" ht="14.25" customHeight="1" x14ac:dyDescent="0.15">
      <c r="A9" s="547"/>
      <c r="B9" s="649"/>
      <c r="C9" s="347" t="s">
        <v>227</v>
      </c>
      <c r="D9" s="348" t="s">
        <v>228</v>
      </c>
      <c r="E9" s="349">
        <v>99.8</v>
      </c>
      <c r="F9" s="350">
        <v>-0.2</v>
      </c>
      <c r="G9" s="349">
        <v>105.1</v>
      </c>
      <c r="H9" s="349">
        <v>5.0999999999999996</v>
      </c>
      <c r="I9" s="349">
        <v>101.3</v>
      </c>
      <c r="J9" s="349">
        <v>1.3</v>
      </c>
      <c r="K9" s="349">
        <v>100.7</v>
      </c>
      <c r="L9" s="349">
        <v>0.8</v>
      </c>
      <c r="M9" s="349">
        <v>102.6</v>
      </c>
      <c r="N9" s="349">
        <v>2.5</v>
      </c>
      <c r="O9" s="349">
        <v>94.2</v>
      </c>
      <c r="P9" s="349">
        <v>-5.8</v>
      </c>
      <c r="Q9" s="349">
        <v>95.1</v>
      </c>
      <c r="R9" s="349">
        <v>-4.9000000000000004</v>
      </c>
      <c r="S9" s="349">
        <v>97.7</v>
      </c>
      <c r="T9" s="349">
        <v>-2.2000000000000002</v>
      </c>
      <c r="U9" s="349">
        <v>105.7</v>
      </c>
      <c r="V9" s="349">
        <v>5.8</v>
      </c>
      <c r="W9" s="349">
        <v>100.2</v>
      </c>
      <c r="X9" s="349">
        <v>0.2</v>
      </c>
      <c r="Y9" s="349">
        <v>108.3</v>
      </c>
      <c r="Z9" s="349">
        <v>8.4</v>
      </c>
      <c r="AA9" s="349">
        <v>102.7</v>
      </c>
      <c r="AB9" s="349">
        <v>2.7</v>
      </c>
      <c r="AC9" s="349">
        <v>104.6</v>
      </c>
      <c r="AD9" s="349">
        <v>4.5999999999999996</v>
      </c>
      <c r="AE9" s="349">
        <v>95.5</v>
      </c>
      <c r="AF9" s="349">
        <v>-4.5</v>
      </c>
      <c r="AG9" s="349">
        <v>99.8</v>
      </c>
      <c r="AH9" s="349">
        <v>-0.2</v>
      </c>
      <c r="AI9" s="349">
        <v>102.9</v>
      </c>
      <c r="AJ9" s="349">
        <v>2.9</v>
      </c>
      <c r="AK9" s="129"/>
    </row>
    <row r="10" spans="1:37" s="326" customFormat="1" ht="14.25" customHeight="1" x14ac:dyDescent="0.15">
      <c r="A10" s="547"/>
      <c r="B10" s="649"/>
      <c r="C10" s="347" t="s">
        <v>227</v>
      </c>
      <c r="D10" s="348" t="s">
        <v>229</v>
      </c>
      <c r="E10" s="351">
        <v>99.1</v>
      </c>
      <c r="F10" s="352">
        <v>-0.7</v>
      </c>
      <c r="G10" s="351">
        <v>110.9</v>
      </c>
      <c r="H10" s="351">
        <v>5.5</v>
      </c>
      <c r="I10" s="351">
        <v>100.3</v>
      </c>
      <c r="J10" s="351">
        <v>-1</v>
      </c>
      <c r="K10" s="351">
        <v>104.3</v>
      </c>
      <c r="L10" s="351">
        <v>3.6</v>
      </c>
      <c r="M10" s="351">
        <v>107.8</v>
      </c>
      <c r="N10" s="351">
        <v>5.0999999999999996</v>
      </c>
      <c r="O10" s="351">
        <v>91.9</v>
      </c>
      <c r="P10" s="351">
        <v>-2.4</v>
      </c>
      <c r="Q10" s="351">
        <v>95.2</v>
      </c>
      <c r="R10" s="351">
        <v>0.1</v>
      </c>
      <c r="S10" s="351">
        <v>98.3</v>
      </c>
      <c r="T10" s="351">
        <v>0.6</v>
      </c>
      <c r="U10" s="351">
        <v>107.4</v>
      </c>
      <c r="V10" s="351">
        <v>1.6</v>
      </c>
      <c r="W10" s="351">
        <v>104.6</v>
      </c>
      <c r="X10" s="351">
        <v>4.4000000000000004</v>
      </c>
      <c r="Y10" s="351">
        <v>123.1</v>
      </c>
      <c r="Z10" s="351">
        <v>13.7</v>
      </c>
      <c r="AA10" s="351">
        <v>98.9</v>
      </c>
      <c r="AB10" s="351">
        <v>-3.7</v>
      </c>
      <c r="AC10" s="351">
        <v>89</v>
      </c>
      <c r="AD10" s="351">
        <v>-14.9</v>
      </c>
      <c r="AE10" s="351">
        <v>101.3</v>
      </c>
      <c r="AF10" s="351">
        <v>6.1</v>
      </c>
      <c r="AG10" s="351">
        <v>96.6</v>
      </c>
      <c r="AH10" s="351">
        <v>-3.2</v>
      </c>
      <c r="AI10" s="351">
        <v>99</v>
      </c>
      <c r="AJ10" s="351">
        <v>-3.8</v>
      </c>
      <c r="AK10" s="129"/>
    </row>
    <row r="11" spans="1:37" s="326" customFormat="1" ht="14.25" customHeight="1" x14ac:dyDescent="0.15">
      <c r="A11" s="547"/>
      <c r="B11" s="649"/>
      <c r="C11" s="347" t="s">
        <v>227</v>
      </c>
      <c r="D11" s="348" t="s">
        <v>230</v>
      </c>
      <c r="E11" s="349">
        <v>102.4</v>
      </c>
      <c r="F11" s="350">
        <v>3.3</v>
      </c>
      <c r="G11" s="349">
        <v>115.6</v>
      </c>
      <c r="H11" s="349">
        <v>4.2</v>
      </c>
      <c r="I11" s="349">
        <v>109.8</v>
      </c>
      <c r="J11" s="349">
        <v>9.5</v>
      </c>
      <c r="K11" s="349">
        <v>105.4</v>
      </c>
      <c r="L11" s="349">
        <v>1.1000000000000001</v>
      </c>
      <c r="M11" s="349">
        <v>110.1</v>
      </c>
      <c r="N11" s="349">
        <v>2.1</v>
      </c>
      <c r="O11" s="349">
        <v>96</v>
      </c>
      <c r="P11" s="349">
        <v>4.5</v>
      </c>
      <c r="Q11" s="349">
        <v>101.8</v>
      </c>
      <c r="R11" s="349">
        <v>6.9</v>
      </c>
      <c r="S11" s="349">
        <v>97.5</v>
      </c>
      <c r="T11" s="349">
        <v>-0.8</v>
      </c>
      <c r="U11" s="349">
        <v>113.9</v>
      </c>
      <c r="V11" s="349">
        <v>6.1</v>
      </c>
      <c r="W11" s="349">
        <v>103.2</v>
      </c>
      <c r="X11" s="349">
        <v>-1.3</v>
      </c>
      <c r="Y11" s="349">
        <v>134.69999999999999</v>
      </c>
      <c r="Z11" s="349">
        <v>9.4</v>
      </c>
      <c r="AA11" s="349">
        <v>102.5</v>
      </c>
      <c r="AB11" s="349">
        <v>3.6</v>
      </c>
      <c r="AC11" s="349">
        <v>89.8</v>
      </c>
      <c r="AD11" s="349">
        <v>0.9</v>
      </c>
      <c r="AE11" s="349">
        <v>102.3</v>
      </c>
      <c r="AF11" s="349">
        <v>1</v>
      </c>
      <c r="AG11" s="349">
        <v>96.9</v>
      </c>
      <c r="AH11" s="349">
        <v>0.3</v>
      </c>
      <c r="AI11" s="349">
        <v>97.2</v>
      </c>
      <c r="AJ11" s="349">
        <v>-1.8</v>
      </c>
      <c r="AK11" s="129"/>
    </row>
    <row r="12" spans="1:37" s="326" customFormat="1" ht="14.25" customHeight="1" x14ac:dyDescent="0.15">
      <c r="A12" s="547"/>
      <c r="B12" s="649"/>
      <c r="C12" s="347" t="s">
        <v>227</v>
      </c>
      <c r="D12" s="348" t="s">
        <v>231</v>
      </c>
      <c r="E12" s="351">
        <v>105.1</v>
      </c>
      <c r="F12" s="352">
        <v>1.3</v>
      </c>
      <c r="G12" s="351">
        <v>125.4</v>
      </c>
      <c r="H12" s="351">
        <v>8.1999999999999993</v>
      </c>
      <c r="I12" s="351">
        <v>110.6</v>
      </c>
      <c r="J12" s="351">
        <v>0.4</v>
      </c>
      <c r="K12" s="351">
        <v>119.5</v>
      </c>
      <c r="L12" s="351">
        <v>13.1</v>
      </c>
      <c r="M12" s="351">
        <v>111</v>
      </c>
      <c r="N12" s="351">
        <v>0.5</v>
      </c>
      <c r="O12" s="351">
        <v>97.3</v>
      </c>
      <c r="P12" s="351">
        <v>1.9</v>
      </c>
      <c r="Q12" s="351">
        <v>93.6</v>
      </c>
      <c r="R12" s="351">
        <v>-7.5</v>
      </c>
      <c r="S12" s="351">
        <v>100.5</v>
      </c>
      <c r="T12" s="351">
        <v>2.9</v>
      </c>
      <c r="U12" s="351">
        <v>105.5</v>
      </c>
      <c r="V12" s="351">
        <v>-5.6</v>
      </c>
      <c r="W12" s="351">
        <v>110.1</v>
      </c>
      <c r="X12" s="351">
        <v>4.0999999999999996</v>
      </c>
      <c r="Y12" s="351">
        <v>115.6</v>
      </c>
      <c r="Z12" s="351">
        <v>-11.9</v>
      </c>
      <c r="AA12" s="351">
        <v>104.6</v>
      </c>
      <c r="AB12" s="351">
        <v>2.8</v>
      </c>
      <c r="AC12" s="351">
        <v>94.6</v>
      </c>
      <c r="AD12" s="351">
        <v>-0.9</v>
      </c>
      <c r="AE12" s="351">
        <v>110.3</v>
      </c>
      <c r="AF12" s="351">
        <v>7.9</v>
      </c>
      <c r="AG12" s="351">
        <v>103.4</v>
      </c>
      <c r="AH12" s="351">
        <v>7.5</v>
      </c>
      <c r="AI12" s="351">
        <v>106.5</v>
      </c>
      <c r="AJ12" s="351">
        <v>9.3000000000000007</v>
      </c>
      <c r="AK12" s="129"/>
    </row>
    <row r="13" spans="1:37" s="326" customFormat="1" ht="14.25" customHeight="1" x14ac:dyDescent="0.15">
      <c r="A13" s="547"/>
      <c r="B13" s="649"/>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29"/>
    </row>
    <row r="14" spans="1:37" s="326" customFormat="1" ht="15" customHeight="1" x14ac:dyDescent="0.15">
      <c r="A14" s="547"/>
      <c r="B14" s="649"/>
      <c r="C14" s="347" t="s">
        <v>208</v>
      </c>
      <c r="D14" s="348" t="s">
        <v>232</v>
      </c>
      <c r="E14" s="349">
        <v>106.1</v>
      </c>
      <c r="F14" s="350">
        <v>2</v>
      </c>
      <c r="G14" s="349">
        <v>128</v>
      </c>
      <c r="H14" s="349">
        <v>7.2</v>
      </c>
      <c r="I14" s="349">
        <v>112.9</v>
      </c>
      <c r="J14" s="349">
        <v>-0.1</v>
      </c>
      <c r="K14" s="349">
        <v>119.7</v>
      </c>
      <c r="L14" s="349">
        <v>10.9</v>
      </c>
      <c r="M14" s="349">
        <v>111.4</v>
      </c>
      <c r="N14" s="349">
        <v>2.4</v>
      </c>
      <c r="O14" s="349">
        <v>100.3</v>
      </c>
      <c r="P14" s="349">
        <v>2.9</v>
      </c>
      <c r="Q14" s="349">
        <v>92.3</v>
      </c>
      <c r="R14" s="349">
        <v>-9.1</v>
      </c>
      <c r="S14" s="349">
        <v>103.6</v>
      </c>
      <c r="T14" s="349">
        <v>4.5999999999999996</v>
      </c>
      <c r="U14" s="349">
        <v>104.5</v>
      </c>
      <c r="V14" s="349">
        <v>-7.5</v>
      </c>
      <c r="W14" s="349">
        <v>112.4</v>
      </c>
      <c r="X14" s="349">
        <v>4.5</v>
      </c>
      <c r="Y14" s="349">
        <v>109.5</v>
      </c>
      <c r="Z14" s="349">
        <v>-4.4000000000000004</v>
      </c>
      <c r="AA14" s="349">
        <v>107</v>
      </c>
      <c r="AB14" s="349">
        <v>4.8</v>
      </c>
      <c r="AC14" s="349">
        <v>96.9</v>
      </c>
      <c r="AD14" s="349">
        <v>3.4</v>
      </c>
      <c r="AE14" s="349">
        <v>112.4</v>
      </c>
      <c r="AF14" s="349">
        <v>8.8000000000000007</v>
      </c>
      <c r="AG14" s="349">
        <v>104.6</v>
      </c>
      <c r="AH14" s="349">
        <v>8.4</v>
      </c>
      <c r="AI14" s="349">
        <v>106.3</v>
      </c>
      <c r="AJ14" s="349">
        <v>8.1</v>
      </c>
      <c r="AK14" s="129"/>
    </row>
    <row r="15" spans="1:37" s="326" customFormat="1" ht="15" customHeight="1" x14ac:dyDescent="0.15">
      <c r="A15" s="547"/>
      <c r="B15" s="649"/>
      <c r="C15" s="347" t="s">
        <v>0</v>
      </c>
      <c r="D15" s="348" t="s">
        <v>233</v>
      </c>
      <c r="E15" s="351">
        <v>106.2</v>
      </c>
      <c r="F15" s="352">
        <v>1.1000000000000001</v>
      </c>
      <c r="G15" s="351">
        <v>125.9</v>
      </c>
      <c r="H15" s="351">
        <v>6.8</v>
      </c>
      <c r="I15" s="351">
        <v>112.1</v>
      </c>
      <c r="J15" s="351">
        <v>-1.2</v>
      </c>
      <c r="K15" s="351">
        <v>118.8</v>
      </c>
      <c r="L15" s="351">
        <v>13.3</v>
      </c>
      <c r="M15" s="351">
        <v>111.9</v>
      </c>
      <c r="N15" s="351">
        <v>1.7</v>
      </c>
      <c r="O15" s="351">
        <v>98.6</v>
      </c>
      <c r="P15" s="351">
        <v>-0.2</v>
      </c>
      <c r="Q15" s="351">
        <v>93.2</v>
      </c>
      <c r="R15" s="351">
        <v>-9.8000000000000007</v>
      </c>
      <c r="S15" s="351">
        <v>103.6</v>
      </c>
      <c r="T15" s="351">
        <v>5.5</v>
      </c>
      <c r="U15" s="351">
        <v>107.3</v>
      </c>
      <c r="V15" s="351">
        <v>-4.7</v>
      </c>
      <c r="W15" s="351">
        <v>113.6</v>
      </c>
      <c r="X15" s="351">
        <v>5.9</v>
      </c>
      <c r="Y15" s="351">
        <v>113.8</v>
      </c>
      <c r="Z15" s="351">
        <v>-17.8</v>
      </c>
      <c r="AA15" s="351">
        <v>108.4</v>
      </c>
      <c r="AB15" s="351">
        <v>3.4</v>
      </c>
      <c r="AC15" s="351">
        <v>97.3</v>
      </c>
      <c r="AD15" s="351">
        <v>5.6</v>
      </c>
      <c r="AE15" s="351">
        <v>111.6</v>
      </c>
      <c r="AF15" s="351">
        <v>7</v>
      </c>
      <c r="AG15" s="351">
        <v>103.7</v>
      </c>
      <c r="AH15" s="351">
        <v>7.5</v>
      </c>
      <c r="AI15" s="351">
        <v>107.7</v>
      </c>
      <c r="AJ15" s="351">
        <v>11</v>
      </c>
      <c r="AK15" s="129"/>
    </row>
    <row r="16" spans="1:37" s="326" customFormat="1" ht="15" customHeight="1" x14ac:dyDescent="0.15">
      <c r="A16" s="547"/>
      <c r="B16" s="649"/>
      <c r="C16" s="347" t="s">
        <v>234</v>
      </c>
      <c r="D16" s="348" t="s">
        <v>235</v>
      </c>
      <c r="E16" s="349">
        <v>104.1</v>
      </c>
      <c r="F16" s="350">
        <v>1.8</v>
      </c>
      <c r="G16" s="349">
        <v>110.7</v>
      </c>
      <c r="H16" s="349">
        <v>-10.8</v>
      </c>
      <c r="I16" s="349">
        <v>110.5</v>
      </c>
      <c r="J16" s="349">
        <v>2.4</v>
      </c>
      <c r="K16" s="349">
        <v>104.6</v>
      </c>
      <c r="L16" s="349">
        <v>-9.3000000000000007</v>
      </c>
      <c r="M16" s="349">
        <v>117.8</v>
      </c>
      <c r="N16" s="349">
        <v>7</v>
      </c>
      <c r="O16" s="349">
        <v>100</v>
      </c>
      <c r="P16" s="349">
        <v>9.4</v>
      </c>
      <c r="Q16" s="349">
        <v>92.5</v>
      </c>
      <c r="R16" s="349">
        <v>0.7</v>
      </c>
      <c r="S16" s="349">
        <v>112.9</v>
      </c>
      <c r="T16" s="349">
        <v>19.100000000000001</v>
      </c>
      <c r="U16" s="349">
        <v>107.5</v>
      </c>
      <c r="V16" s="349">
        <v>6.8</v>
      </c>
      <c r="W16" s="349">
        <v>104.5</v>
      </c>
      <c r="X16" s="349">
        <v>-1.1000000000000001</v>
      </c>
      <c r="Y16" s="349">
        <v>116.1</v>
      </c>
      <c r="Z16" s="349">
        <v>-1.9</v>
      </c>
      <c r="AA16" s="349">
        <v>102.1</v>
      </c>
      <c r="AB16" s="349">
        <v>-2.7</v>
      </c>
      <c r="AC16" s="349">
        <v>103.5</v>
      </c>
      <c r="AD16" s="349">
        <v>10.7</v>
      </c>
      <c r="AE16" s="349">
        <v>104.9</v>
      </c>
      <c r="AF16" s="349">
        <v>-2.6</v>
      </c>
      <c r="AG16" s="349">
        <v>106.2</v>
      </c>
      <c r="AH16" s="349">
        <v>-1.8</v>
      </c>
      <c r="AI16" s="349">
        <v>110.6</v>
      </c>
      <c r="AJ16" s="349">
        <v>9</v>
      </c>
      <c r="AK16" s="129"/>
    </row>
    <row r="17" spans="1:37" s="326" customFormat="1" ht="15" customHeight="1" x14ac:dyDescent="0.15">
      <c r="A17" s="547"/>
      <c r="B17" s="649"/>
      <c r="C17" s="347" t="s">
        <v>0</v>
      </c>
      <c r="D17" s="348" t="s">
        <v>236</v>
      </c>
      <c r="E17" s="351">
        <v>103.1</v>
      </c>
      <c r="F17" s="352">
        <v>0.4</v>
      </c>
      <c r="G17" s="351">
        <v>111.8</v>
      </c>
      <c r="H17" s="351">
        <v>-11.6</v>
      </c>
      <c r="I17" s="351">
        <v>111</v>
      </c>
      <c r="J17" s="351">
        <v>3.4</v>
      </c>
      <c r="K17" s="351">
        <v>105.2</v>
      </c>
      <c r="L17" s="351">
        <v>-9.8000000000000007</v>
      </c>
      <c r="M17" s="351">
        <v>114.3</v>
      </c>
      <c r="N17" s="351">
        <v>6.9</v>
      </c>
      <c r="O17" s="351">
        <v>96.9</v>
      </c>
      <c r="P17" s="351">
        <v>6.1</v>
      </c>
      <c r="Q17" s="351">
        <v>88.4</v>
      </c>
      <c r="R17" s="351">
        <v>-3.1</v>
      </c>
      <c r="S17" s="351">
        <v>110.5</v>
      </c>
      <c r="T17" s="351">
        <v>17.899999999999999</v>
      </c>
      <c r="U17" s="351">
        <v>106.6</v>
      </c>
      <c r="V17" s="351">
        <v>6.1</v>
      </c>
      <c r="W17" s="351">
        <v>105.8</v>
      </c>
      <c r="X17" s="351">
        <v>-1.9</v>
      </c>
      <c r="Y17" s="351">
        <v>113</v>
      </c>
      <c r="Z17" s="351">
        <v>-12.3</v>
      </c>
      <c r="AA17" s="351">
        <v>98.2</v>
      </c>
      <c r="AB17" s="351">
        <v>-2.4</v>
      </c>
      <c r="AC17" s="351">
        <v>104.5</v>
      </c>
      <c r="AD17" s="351">
        <v>13.3</v>
      </c>
      <c r="AE17" s="351">
        <v>105.2</v>
      </c>
      <c r="AF17" s="351">
        <v>-1.9</v>
      </c>
      <c r="AG17" s="351">
        <v>105</v>
      </c>
      <c r="AH17" s="351">
        <v>4.0999999999999996</v>
      </c>
      <c r="AI17" s="351">
        <v>108.7</v>
      </c>
      <c r="AJ17" s="351">
        <v>2.8</v>
      </c>
      <c r="AK17" s="129"/>
    </row>
    <row r="18" spans="1:37" s="326" customFormat="1" ht="15" customHeight="1" x14ac:dyDescent="0.15">
      <c r="A18" s="547"/>
      <c r="B18" s="649"/>
      <c r="C18" s="347" t="s">
        <v>0</v>
      </c>
      <c r="D18" s="348" t="s">
        <v>237</v>
      </c>
      <c r="E18" s="349">
        <v>105</v>
      </c>
      <c r="F18" s="350">
        <v>1.5</v>
      </c>
      <c r="G18" s="349">
        <v>113.3</v>
      </c>
      <c r="H18" s="349">
        <v>-9.3000000000000007</v>
      </c>
      <c r="I18" s="349">
        <v>111.2</v>
      </c>
      <c r="J18" s="349">
        <v>1.9</v>
      </c>
      <c r="K18" s="349">
        <v>115.4</v>
      </c>
      <c r="L18" s="349">
        <v>-3.4</v>
      </c>
      <c r="M18" s="349">
        <v>115.5</v>
      </c>
      <c r="N18" s="349">
        <v>6.3</v>
      </c>
      <c r="O18" s="349">
        <v>98.7</v>
      </c>
      <c r="P18" s="349">
        <v>2.7</v>
      </c>
      <c r="Q18" s="349">
        <v>91.1</v>
      </c>
      <c r="R18" s="349">
        <v>-1.4</v>
      </c>
      <c r="S18" s="349">
        <v>113.2</v>
      </c>
      <c r="T18" s="349">
        <v>21.6</v>
      </c>
      <c r="U18" s="349">
        <v>107</v>
      </c>
      <c r="V18" s="349">
        <v>2.7</v>
      </c>
      <c r="W18" s="349">
        <v>107.1</v>
      </c>
      <c r="X18" s="349">
        <v>-1.3</v>
      </c>
      <c r="Y18" s="349">
        <v>119.6</v>
      </c>
      <c r="Z18" s="349">
        <v>4.0999999999999996</v>
      </c>
      <c r="AA18" s="349">
        <v>104.4</v>
      </c>
      <c r="AB18" s="349">
        <v>3.4</v>
      </c>
      <c r="AC18" s="349">
        <v>105.8</v>
      </c>
      <c r="AD18" s="349">
        <v>18.3</v>
      </c>
      <c r="AE18" s="349">
        <v>107</v>
      </c>
      <c r="AF18" s="349">
        <v>-2.5</v>
      </c>
      <c r="AG18" s="349">
        <v>103.8</v>
      </c>
      <c r="AH18" s="349">
        <v>5.8</v>
      </c>
      <c r="AI18" s="349">
        <v>111.9</v>
      </c>
      <c r="AJ18" s="349">
        <v>5.8</v>
      </c>
      <c r="AK18" s="129"/>
    </row>
    <row r="19" spans="1:37" s="326" customFormat="1" ht="15" customHeight="1" x14ac:dyDescent="0.15">
      <c r="A19" s="547"/>
      <c r="B19" s="649"/>
      <c r="C19" s="347" t="s">
        <v>0</v>
      </c>
      <c r="D19" s="348" t="s">
        <v>238</v>
      </c>
      <c r="E19" s="351">
        <v>107</v>
      </c>
      <c r="F19" s="352">
        <v>0.9</v>
      </c>
      <c r="G19" s="351">
        <v>115.1</v>
      </c>
      <c r="H19" s="351">
        <v>-10.3</v>
      </c>
      <c r="I19" s="351">
        <v>113.9</v>
      </c>
      <c r="J19" s="351">
        <v>3.5</v>
      </c>
      <c r="K19" s="351">
        <v>101.9</v>
      </c>
      <c r="L19" s="351">
        <v>-15.4</v>
      </c>
      <c r="M19" s="351">
        <v>117.7</v>
      </c>
      <c r="N19" s="351">
        <v>4.9000000000000004</v>
      </c>
      <c r="O19" s="351">
        <v>100.3</v>
      </c>
      <c r="P19" s="351">
        <v>3.3</v>
      </c>
      <c r="Q19" s="351">
        <v>91.8</v>
      </c>
      <c r="R19" s="351">
        <v>-2.8</v>
      </c>
      <c r="S19" s="351">
        <v>113.9</v>
      </c>
      <c r="T19" s="351">
        <v>13.8</v>
      </c>
      <c r="U19" s="351">
        <v>113.9</v>
      </c>
      <c r="V19" s="351">
        <v>4.3</v>
      </c>
      <c r="W19" s="351">
        <v>108.9</v>
      </c>
      <c r="X19" s="351">
        <v>-0.7</v>
      </c>
      <c r="Y19" s="351">
        <v>119.5</v>
      </c>
      <c r="Z19" s="351">
        <v>-7.8</v>
      </c>
      <c r="AA19" s="351">
        <v>104.9</v>
      </c>
      <c r="AB19" s="351">
        <v>-0.9</v>
      </c>
      <c r="AC19" s="351">
        <v>109</v>
      </c>
      <c r="AD19" s="351">
        <v>16.7</v>
      </c>
      <c r="AE19" s="351">
        <v>110.6</v>
      </c>
      <c r="AF19" s="351">
        <v>-1</v>
      </c>
      <c r="AG19" s="351">
        <v>105.6</v>
      </c>
      <c r="AH19" s="351">
        <v>3.1</v>
      </c>
      <c r="AI19" s="351">
        <v>112.2</v>
      </c>
      <c r="AJ19" s="351">
        <v>6.3</v>
      </c>
      <c r="AK19" s="129"/>
    </row>
    <row r="20" spans="1:37" s="326" customFormat="1" ht="15" customHeight="1" x14ac:dyDescent="0.15">
      <c r="A20" s="547"/>
      <c r="B20" s="649"/>
      <c r="C20" s="347" t="s">
        <v>0</v>
      </c>
      <c r="D20" s="348" t="s">
        <v>239</v>
      </c>
      <c r="E20" s="349">
        <v>106.5</v>
      </c>
      <c r="F20" s="350">
        <v>1.4</v>
      </c>
      <c r="G20" s="349">
        <v>113.7</v>
      </c>
      <c r="H20" s="349">
        <v>-10.3</v>
      </c>
      <c r="I20" s="349">
        <v>112.4</v>
      </c>
      <c r="J20" s="349">
        <v>2.7</v>
      </c>
      <c r="K20" s="349">
        <v>108.6</v>
      </c>
      <c r="L20" s="349">
        <v>-9.4</v>
      </c>
      <c r="M20" s="349">
        <v>115</v>
      </c>
      <c r="N20" s="349">
        <v>1.2</v>
      </c>
      <c r="O20" s="349">
        <v>100</v>
      </c>
      <c r="P20" s="349">
        <v>3</v>
      </c>
      <c r="Q20" s="349">
        <v>93.9</v>
      </c>
      <c r="R20" s="349">
        <v>1.2</v>
      </c>
      <c r="S20" s="349">
        <v>118.8</v>
      </c>
      <c r="T20" s="349">
        <v>19.3</v>
      </c>
      <c r="U20" s="349">
        <v>109.4</v>
      </c>
      <c r="V20" s="349">
        <v>5.0999999999999996</v>
      </c>
      <c r="W20" s="349">
        <v>106.8</v>
      </c>
      <c r="X20" s="349">
        <v>-1.7</v>
      </c>
      <c r="Y20" s="349">
        <v>121.2</v>
      </c>
      <c r="Z20" s="349">
        <v>7.6</v>
      </c>
      <c r="AA20" s="349">
        <v>108.8</v>
      </c>
      <c r="AB20" s="349">
        <v>6</v>
      </c>
      <c r="AC20" s="349">
        <v>105.1</v>
      </c>
      <c r="AD20" s="349">
        <v>9.5</v>
      </c>
      <c r="AE20" s="349">
        <v>109.1</v>
      </c>
      <c r="AF20" s="349">
        <v>-1.5</v>
      </c>
      <c r="AG20" s="349">
        <v>107.2</v>
      </c>
      <c r="AH20" s="349">
        <v>3</v>
      </c>
      <c r="AI20" s="349">
        <v>111.9</v>
      </c>
      <c r="AJ20" s="349">
        <v>5.8</v>
      </c>
      <c r="AK20" s="129"/>
    </row>
    <row r="21" spans="1:37" s="326" customFormat="1" ht="15" customHeight="1" x14ac:dyDescent="0.15">
      <c r="A21" s="547"/>
      <c r="B21" s="649"/>
      <c r="C21" s="347" t="s">
        <v>0</v>
      </c>
      <c r="D21" s="348" t="s">
        <v>240</v>
      </c>
      <c r="E21" s="351">
        <v>107.8</v>
      </c>
      <c r="F21" s="352">
        <v>1.5</v>
      </c>
      <c r="G21" s="351">
        <v>114.7</v>
      </c>
      <c r="H21" s="351">
        <v>-10.3</v>
      </c>
      <c r="I21" s="351">
        <v>114.8</v>
      </c>
      <c r="J21" s="351">
        <v>3.5</v>
      </c>
      <c r="K21" s="351">
        <v>121.7</v>
      </c>
      <c r="L21" s="351">
        <v>1</v>
      </c>
      <c r="M21" s="351">
        <v>117.7</v>
      </c>
      <c r="N21" s="351">
        <v>5.6</v>
      </c>
      <c r="O21" s="351">
        <v>102.2</v>
      </c>
      <c r="P21" s="351">
        <v>3.3</v>
      </c>
      <c r="Q21" s="351">
        <v>95.8</v>
      </c>
      <c r="R21" s="351">
        <v>2.2000000000000002</v>
      </c>
      <c r="S21" s="351">
        <v>115</v>
      </c>
      <c r="T21" s="351">
        <v>14.9</v>
      </c>
      <c r="U21" s="351">
        <v>111.8</v>
      </c>
      <c r="V21" s="351">
        <v>9.6999999999999993</v>
      </c>
      <c r="W21" s="351">
        <v>108.5</v>
      </c>
      <c r="X21" s="351">
        <v>-0.9</v>
      </c>
      <c r="Y21" s="351">
        <v>115.6</v>
      </c>
      <c r="Z21" s="351">
        <v>0.7</v>
      </c>
      <c r="AA21" s="351">
        <v>118.5</v>
      </c>
      <c r="AB21" s="351">
        <v>15.5</v>
      </c>
      <c r="AC21" s="351">
        <v>105.1</v>
      </c>
      <c r="AD21" s="351">
        <v>9.9</v>
      </c>
      <c r="AE21" s="351">
        <v>109.9</v>
      </c>
      <c r="AF21" s="351">
        <v>-4.5999999999999996</v>
      </c>
      <c r="AG21" s="351">
        <v>106.4</v>
      </c>
      <c r="AH21" s="351">
        <v>1.9</v>
      </c>
      <c r="AI21" s="351">
        <v>111.9</v>
      </c>
      <c r="AJ21" s="351">
        <v>4.7</v>
      </c>
      <c r="AK21" s="129"/>
    </row>
    <row r="22" spans="1:37" s="326" customFormat="1" ht="15" customHeight="1" x14ac:dyDescent="0.15">
      <c r="A22" s="547"/>
      <c r="B22" s="649"/>
      <c r="C22" s="347" t="s">
        <v>0</v>
      </c>
      <c r="D22" s="348" t="s">
        <v>241</v>
      </c>
      <c r="E22" s="349">
        <v>108.2</v>
      </c>
      <c r="F22" s="350">
        <v>2.6</v>
      </c>
      <c r="G22" s="349">
        <v>112.5</v>
      </c>
      <c r="H22" s="349">
        <v>-6.5</v>
      </c>
      <c r="I22" s="349">
        <v>115.2</v>
      </c>
      <c r="J22" s="349">
        <v>3</v>
      </c>
      <c r="K22" s="349">
        <v>112.4</v>
      </c>
      <c r="L22" s="349">
        <v>-4.7</v>
      </c>
      <c r="M22" s="349">
        <v>113.9</v>
      </c>
      <c r="N22" s="349">
        <v>3.4</v>
      </c>
      <c r="O22" s="349">
        <v>100</v>
      </c>
      <c r="P22" s="349">
        <v>1.9</v>
      </c>
      <c r="Q22" s="349">
        <v>95.4</v>
      </c>
      <c r="R22" s="349">
        <v>1.1000000000000001</v>
      </c>
      <c r="S22" s="349">
        <v>119</v>
      </c>
      <c r="T22" s="349">
        <v>13.2</v>
      </c>
      <c r="U22" s="349">
        <v>115.3</v>
      </c>
      <c r="V22" s="349">
        <v>9.9</v>
      </c>
      <c r="W22" s="349">
        <v>111.2</v>
      </c>
      <c r="X22" s="349">
        <v>0.1</v>
      </c>
      <c r="Y22" s="349">
        <v>119.8</v>
      </c>
      <c r="Z22" s="349">
        <v>4.7</v>
      </c>
      <c r="AA22" s="349">
        <v>123.8</v>
      </c>
      <c r="AB22" s="349">
        <v>18.8</v>
      </c>
      <c r="AC22" s="349">
        <v>108.1</v>
      </c>
      <c r="AD22" s="349">
        <v>12.3</v>
      </c>
      <c r="AE22" s="349">
        <v>109.2</v>
      </c>
      <c r="AF22" s="349">
        <v>-1.4</v>
      </c>
      <c r="AG22" s="349">
        <v>106.3</v>
      </c>
      <c r="AH22" s="349">
        <v>2.2999999999999998</v>
      </c>
      <c r="AI22" s="349">
        <v>115.2</v>
      </c>
      <c r="AJ22" s="349">
        <v>6.5</v>
      </c>
      <c r="AK22" s="129"/>
    </row>
    <row r="23" spans="1:37" s="326" customFormat="1" ht="15" customHeight="1" x14ac:dyDescent="0.15">
      <c r="A23" s="547"/>
      <c r="B23" s="649"/>
      <c r="C23" s="347" t="s">
        <v>0</v>
      </c>
      <c r="D23" s="348" t="s">
        <v>242</v>
      </c>
      <c r="E23" s="351">
        <v>107.3</v>
      </c>
      <c r="F23" s="352">
        <v>1.5</v>
      </c>
      <c r="G23" s="351">
        <v>111.7</v>
      </c>
      <c r="H23" s="351">
        <v>-6.1</v>
      </c>
      <c r="I23" s="351">
        <v>114.3</v>
      </c>
      <c r="J23" s="351">
        <v>2.2999999999999998</v>
      </c>
      <c r="K23" s="351">
        <v>126.1</v>
      </c>
      <c r="L23" s="351">
        <v>4</v>
      </c>
      <c r="M23" s="351">
        <v>118.2</v>
      </c>
      <c r="N23" s="351">
        <v>4.7</v>
      </c>
      <c r="O23" s="351">
        <v>97.2</v>
      </c>
      <c r="P23" s="351">
        <v>-1.9</v>
      </c>
      <c r="Q23" s="351">
        <v>94.4</v>
      </c>
      <c r="R23" s="351">
        <v>-1.5</v>
      </c>
      <c r="S23" s="351">
        <v>113.7</v>
      </c>
      <c r="T23" s="351">
        <v>9.9</v>
      </c>
      <c r="U23" s="351">
        <v>109.2</v>
      </c>
      <c r="V23" s="351">
        <v>2.1</v>
      </c>
      <c r="W23" s="351">
        <v>110.4</v>
      </c>
      <c r="X23" s="351">
        <v>-0.1</v>
      </c>
      <c r="Y23" s="351">
        <v>122.1</v>
      </c>
      <c r="Z23" s="351">
        <v>9.4</v>
      </c>
      <c r="AA23" s="351">
        <v>129.1</v>
      </c>
      <c r="AB23" s="351">
        <v>22.6</v>
      </c>
      <c r="AC23" s="351">
        <v>105.2</v>
      </c>
      <c r="AD23" s="351">
        <v>12.8</v>
      </c>
      <c r="AE23" s="351">
        <v>108.1</v>
      </c>
      <c r="AF23" s="351">
        <v>-3.7</v>
      </c>
      <c r="AG23" s="351">
        <v>106.6</v>
      </c>
      <c r="AH23" s="351">
        <v>3.6</v>
      </c>
      <c r="AI23" s="351">
        <v>114.7</v>
      </c>
      <c r="AJ23" s="351">
        <v>7</v>
      </c>
      <c r="AK23" s="129"/>
    </row>
    <row r="24" spans="1:37" s="326" customFormat="1" ht="15" customHeight="1" x14ac:dyDescent="0.15">
      <c r="A24" s="547"/>
      <c r="B24" s="649"/>
      <c r="C24" s="347" t="s">
        <v>0</v>
      </c>
      <c r="D24" s="348" t="s">
        <v>243</v>
      </c>
      <c r="E24" s="349">
        <v>107.6</v>
      </c>
      <c r="F24" s="350">
        <v>1.7</v>
      </c>
      <c r="G24" s="349">
        <v>113.9</v>
      </c>
      <c r="H24" s="349">
        <v>-9.6999999999999993</v>
      </c>
      <c r="I24" s="349">
        <v>114.3</v>
      </c>
      <c r="J24" s="349">
        <v>2.2999999999999998</v>
      </c>
      <c r="K24" s="349">
        <v>109.1</v>
      </c>
      <c r="L24" s="349">
        <v>-10.3</v>
      </c>
      <c r="M24" s="349">
        <v>116.1</v>
      </c>
      <c r="N24" s="349">
        <v>5.2</v>
      </c>
      <c r="O24" s="349">
        <v>100</v>
      </c>
      <c r="P24" s="349">
        <v>1.5</v>
      </c>
      <c r="Q24" s="349">
        <v>95.9</v>
      </c>
      <c r="R24" s="349">
        <v>0.6</v>
      </c>
      <c r="S24" s="349">
        <v>115.9</v>
      </c>
      <c r="T24" s="349">
        <v>13</v>
      </c>
      <c r="U24" s="349">
        <v>106.8</v>
      </c>
      <c r="V24" s="349">
        <v>-5.6</v>
      </c>
      <c r="W24" s="349">
        <v>111.3</v>
      </c>
      <c r="X24" s="349">
        <v>-0.3</v>
      </c>
      <c r="Y24" s="349">
        <v>118.8</v>
      </c>
      <c r="Z24" s="349">
        <v>9.1</v>
      </c>
      <c r="AA24" s="349">
        <v>128.6</v>
      </c>
      <c r="AB24" s="349">
        <v>21.8</v>
      </c>
      <c r="AC24" s="349">
        <v>105.9</v>
      </c>
      <c r="AD24" s="349">
        <v>12.7</v>
      </c>
      <c r="AE24" s="349">
        <v>107.9</v>
      </c>
      <c r="AF24" s="349">
        <v>-1.4</v>
      </c>
      <c r="AG24" s="349">
        <v>104.7</v>
      </c>
      <c r="AH24" s="349">
        <v>-2.1</v>
      </c>
      <c r="AI24" s="349">
        <v>113.5</v>
      </c>
      <c r="AJ24" s="349">
        <v>4.4000000000000004</v>
      </c>
      <c r="AK24" s="129"/>
    </row>
    <row r="25" spans="1:37" s="326" customFormat="1" ht="15" customHeight="1" x14ac:dyDescent="0.15">
      <c r="A25" s="547"/>
      <c r="B25" s="649"/>
      <c r="C25" s="347" t="s">
        <v>0</v>
      </c>
      <c r="D25" s="348" t="s">
        <v>244</v>
      </c>
      <c r="E25" s="351">
        <v>110.4</v>
      </c>
      <c r="F25" s="352">
        <v>4.3</v>
      </c>
      <c r="G25" s="351">
        <v>116.2</v>
      </c>
      <c r="H25" s="351">
        <v>-8.1999999999999993</v>
      </c>
      <c r="I25" s="351">
        <v>116.6</v>
      </c>
      <c r="J25" s="351">
        <v>3.6</v>
      </c>
      <c r="K25" s="351">
        <v>129.5</v>
      </c>
      <c r="L25" s="351">
        <v>6.1</v>
      </c>
      <c r="M25" s="351">
        <v>118.3</v>
      </c>
      <c r="N25" s="351">
        <v>6</v>
      </c>
      <c r="O25" s="351">
        <v>102.4</v>
      </c>
      <c r="P25" s="351">
        <v>1.3</v>
      </c>
      <c r="Q25" s="351">
        <v>99</v>
      </c>
      <c r="R25" s="351">
        <v>3.3</v>
      </c>
      <c r="S25" s="351">
        <v>120.1</v>
      </c>
      <c r="T25" s="351">
        <v>13.5</v>
      </c>
      <c r="U25" s="351">
        <v>115</v>
      </c>
      <c r="V25" s="351">
        <v>6.1</v>
      </c>
      <c r="W25" s="351">
        <v>112.4</v>
      </c>
      <c r="X25" s="351">
        <v>0</v>
      </c>
      <c r="Y25" s="351">
        <v>122</v>
      </c>
      <c r="Z25" s="351">
        <v>10.8</v>
      </c>
      <c r="AA25" s="351">
        <v>126.7</v>
      </c>
      <c r="AB25" s="351">
        <v>18.7</v>
      </c>
      <c r="AC25" s="351">
        <v>111.9</v>
      </c>
      <c r="AD25" s="351">
        <v>15</v>
      </c>
      <c r="AE25" s="351">
        <v>110.5</v>
      </c>
      <c r="AF25" s="351">
        <v>5</v>
      </c>
      <c r="AG25" s="351">
        <v>105.8</v>
      </c>
      <c r="AH25" s="351">
        <v>5.2</v>
      </c>
      <c r="AI25" s="351">
        <v>117.2</v>
      </c>
      <c r="AJ25" s="351">
        <v>7.6</v>
      </c>
      <c r="AK25" s="129"/>
    </row>
    <row r="26" spans="1:37" s="326" customFormat="1" ht="14.25" customHeight="1" x14ac:dyDescent="0.15">
      <c r="A26" s="547"/>
      <c r="B26" s="649"/>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29"/>
    </row>
    <row r="27" spans="1:37" s="326" customFormat="1" ht="14.25" customHeight="1" x14ac:dyDescent="0.15">
      <c r="A27" s="547"/>
      <c r="B27" s="649"/>
      <c r="C27" s="347" t="s">
        <v>234</v>
      </c>
      <c r="D27" s="348" t="s">
        <v>232</v>
      </c>
      <c r="E27" s="349">
        <v>108.6</v>
      </c>
      <c r="F27" s="350">
        <v>2.4</v>
      </c>
      <c r="G27" s="349">
        <v>113.9</v>
      </c>
      <c r="H27" s="349">
        <v>-11</v>
      </c>
      <c r="I27" s="349">
        <v>116.2</v>
      </c>
      <c r="J27" s="349">
        <v>2.9</v>
      </c>
      <c r="K27" s="349">
        <v>108.7</v>
      </c>
      <c r="L27" s="349">
        <v>-9.1999999999999993</v>
      </c>
      <c r="M27" s="349">
        <v>118.4</v>
      </c>
      <c r="N27" s="349">
        <v>6.3</v>
      </c>
      <c r="O27" s="349">
        <v>99.1</v>
      </c>
      <c r="P27" s="349">
        <v>-1.2</v>
      </c>
      <c r="Q27" s="349">
        <v>97.1</v>
      </c>
      <c r="R27" s="349">
        <v>5.2</v>
      </c>
      <c r="S27" s="349">
        <v>121.5</v>
      </c>
      <c r="T27" s="349">
        <v>17.3</v>
      </c>
      <c r="U27" s="349">
        <v>114.1</v>
      </c>
      <c r="V27" s="349">
        <v>9.1999999999999993</v>
      </c>
      <c r="W27" s="349">
        <v>110.2</v>
      </c>
      <c r="X27" s="349">
        <v>-2</v>
      </c>
      <c r="Y27" s="349">
        <v>122.2</v>
      </c>
      <c r="Z27" s="349">
        <v>11.6</v>
      </c>
      <c r="AA27" s="349">
        <v>121.4</v>
      </c>
      <c r="AB27" s="349">
        <v>13.5</v>
      </c>
      <c r="AC27" s="349">
        <v>107.3</v>
      </c>
      <c r="AD27" s="349">
        <v>10.7</v>
      </c>
      <c r="AE27" s="349">
        <v>109.7</v>
      </c>
      <c r="AF27" s="349">
        <v>-2.4</v>
      </c>
      <c r="AG27" s="349">
        <v>106.1</v>
      </c>
      <c r="AH27" s="349">
        <v>1.4</v>
      </c>
      <c r="AI27" s="349">
        <v>116.7</v>
      </c>
      <c r="AJ27" s="349">
        <v>9.8000000000000007</v>
      </c>
      <c r="AK27" s="129"/>
    </row>
    <row r="28" spans="1:37" s="326" customFormat="1" ht="11.25" customHeight="1" x14ac:dyDescent="0.15">
      <c r="A28" s="547"/>
      <c r="B28" s="650"/>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29"/>
    </row>
    <row r="29" spans="1:37" s="326" customFormat="1" ht="11.25" customHeight="1" x14ac:dyDescent="0.15">
      <c r="A29" s="547"/>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29"/>
    </row>
    <row r="30" spans="1:37" s="326" customFormat="1" ht="14.25" customHeight="1" x14ac:dyDescent="0.15">
      <c r="A30" s="547"/>
      <c r="B30" s="365"/>
      <c r="C30" s="347" t="s">
        <v>227</v>
      </c>
      <c r="D30" s="348" t="s">
        <v>228</v>
      </c>
      <c r="E30" s="349">
        <v>99.7</v>
      </c>
      <c r="F30" s="350">
        <v>-0.3</v>
      </c>
      <c r="G30" s="349">
        <v>105.4</v>
      </c>
      <c r="H30" s="349">
        <v>5.4</v>
      </c>
      <c r="I30" s="349">
        <v>102.8</v>
      </c>
      <c r="J30" s="349">
        <v>2.8</v>
      </c>
      <c r="K30" s="349">
        <v>95.6</v>
      </c>
      <c r="L30" s="349">
        <v>-4.5</v>
      </c>
      <c r="M30" s="349">
        <v>106.9</v>
      </c>
      <c r="N30" s="349">
        <v>6.9</v>
      </c>
      <c r="O30" s="349">
        <v>90.8</v>
      </c>
      <c r="P30" s="349">
        <v>-9.1999999999999993</v>
      </c>
      <c r="Q30" s="349">
        <v>97.2</v>
      </c>
      <c r="R30" s="349">
        <v>-2.8</v>
      </c>
      <c r="S30" s="349">
        <v>98.5</v>
      </c>
      <c r="T30" s="349">
        <v>-1.5</v>
      </c>
      <c r="U30" s="349">
        <v>107</v>
      </c>
      <c r="V30" s="349">
        <v>7.1</v>
      </c>
      <c r="W30" s="349">
        <v>103.4</v>
      </c>
      <c r="X30" s="349">
        <v>3.4</v>
      </c>
      <c r="Y30" s="349">
        <v>111.3</v>
      </c>
      <c r="Z30" s="349">
        <v>11.4</v>
      </c>
      <c r="AA30" s="349">
        <v>94.4</v>
      </c>
      <c r="AB30" s="349">
        <v>-5.6</v>
      </c>
      <c r="AC30" s="349">
        <v>102.9</v>
      </c>
      <c r="AD30" s="349">
        <v>3</v>
      </c>
      <c r="AE30" s="349">
        <v>94.5</v>
      </c>
      <c r="AF30" s="349">
        <v>-5.6</v>
      </c>
      <c r="AG30" s="349">
        <v>97.6</v>
      </c>
      <c r="AH30" s="349">
        <v>-2.4</v>
      </c>
      <c r="AI30" s="349">
        <v>100</v>
      </c>
      <c r="AJ30" s="349">
        <v>0</v>
      </c>
      <c r="AK30" s="129"/>
    </row>
    <row r="31" spans="1:37" s="326" customFormat="1" ht="14.25" customHeight="1" x14ac:dyDescent="0.15">
      <c r="A31" s="547"/>
      <c r="B31" s="365"/>
      <c r="C31" s="347" t="s">
        <v>227</v>
      </c>
      <c r="D31" s="348" t="s">
        <v>229</v>
      </c>
      <c r="E31" s="351">
        <v>98.2</v>
      </c>
      <c r="F31" s="352">
        <v>-1.5</v>
      </c>
      <c r="G31" s="351">
        <v>105.5</v>
      </c>
      <c r="H31" s="351">
        <v>0.1</v>
      </c>
      <c r="I31" s="351">
        <v>98.1</v>
      </c>
      <c r="J31" s="351">
        <v>-4.5999999999999996</v>
      </c>
      <c r="K31" s="351">
        <v>102.3</v>
      </c>
      <c r="L31" s="351">
        <v>7</v>
      </c>
      <c r="M31" s="351">
        <v>110.2</v>
      </c>
      <c r="N31" s="351">
        <v>3.1</v>
      </c>
      <c r="O31" s="351">
        <v>85.8</v>
      </c>
      <c r="P31" s="351">
        <v>-5.5</v>
      </c>
      <c r="Q31" s="351">
        <v>97.1</v>
      </c>
      <c r="R31" s="351">
        <v>-0.1</v>
      </c>
      <c r="S31" s="351">
        <v>94.9</v>
      </c>
      <c r="T31" s="351">
        <v>-3.7</v>
      </c>
      <c r="U31" s="351">
        <v>117.2</v>
      </c>
      <c r="V31" s="351">
        <v>9.5</v>
      </c>
      <c r="W31" s="351">
        <v>105.4</v>
      </c>
      <c r="X31" s="351">
        <v>1.9</v>
      </c>
      <c r="Y31" s="351">
        <v>130</v>
      </c>
      <c r="Z31" s="351">
        <v>16.8</v>
      </c>
      <c r="AA31" s="351">
        <v>94.5</v>
      </c>
      <c r="AB31" s="351">
        <v>0.1</v>
      </c>
      <c r="AC31" s="351">
        <v>86.7</v>
      </c>
      <c r="AD31" s="351">
        <v>-15.7</v>
      </c>
      <c r="AE31" s="351">
        <v>104</v>
      </c>
      <c r="AF31" s="351">
        <v>10.1</v>
      </c>
      <c r="AG31" s="351">
        <v>95.1</v>
      </c>
      <c r="AH31" s="351">
        <v>-2.6</v>
      </c>
      <c r="AI31" s="351">
        <v>95</v>
      </c>
      <c r="AJ31" s="351">
        <v>-5</v>
      </c>
      <c r="AK31" s="129"/>
    </row>
    <row r="32" spans="1:37" s="326" customFormat="1" ht="14.25" customHeight="1" x14ac:dyDescent="0.15">
      <c r="A32" s="547"/>
      <c r="B32" s="365"/>
      <c r="C32" s="347" t="s">
        <v>227</v>
      </c>
      <c r="D32" s="348" t="s">
        <v>230</v>
      </c>
      <c r="E32" s="349">
        <v>102.6</v>
      </c>
      <c r="F32" s="350">
        <v>4.5</v>
      </c>
      <c r="G32" s="349">
        <v>103.1</v>
      </c>
      <c r="H32" s="349">
        <v>-2.2999999999999998</v>
      </c>
      <c r="I32" s="349">
        <v>110.2</v>
      </c>
      <c r="J32" s="349">
        <v>12.3</v>
      </c>
      <c r="K32" s="349">
        <v>104.6</v>
      </c>
      <c r="L32" s="349">
        <v>2.2000000000000002</v>
      </c>
      <c r="M32" s="349">
        <v>111.6</v>
      </c>
      <c r="N32" s="349">
        <v>1.3</v>
      </c>
      <c r="O32" s="349">
        <v>91.1</v>
      </c>
      <c r="P32" s="349">
        <v>6.2</v>
      </c>
      <c r="Q32" s="349">
        <v>110.5</v>
      </c>
      <c r="R32" s="349">
        <v>13.8</v>
      </c>
      <c r="S32" s="349">
        <v>91.7</v>
      </c>
      <c r="T32" s="349">
        <v>-3.4</v>
      </c>
      <c r="U32" s="349">
        <v>121.2</v>
      </c>
      <c r="V32" s="349">
        <v>3.4</v>
      </c>
      <c r="W32" s="349">
        <v>106.1</v>
      </c>
      <c r="X32" s="349">
        <v>0.7</v>
      </c>
      <c r="Y32" s="349">
        <v>151.69999999999999</v>
      </c>
      <c r="Z32" s="349">
        <v>16.7</v>
      </c>
      <c r="AA32" s="349">
        <v>99.9</v>
      </c>
      <c r="AB32" s="349">
        <v>5.7</v>
      </c>
      <c r="AC32" s="349">
        <v>84.1</v>
      </c>
      <c r="AD32" s="349">
        <v>-3</v>
      </c>
      <c r="AE32" s="349">
        <v>102</v>
      </c>
      <c r="AF32" s="349">
        <v>-1.9</v>
      </c>
      <c r="AG32" s="349">
        <v>96</v>
      </c>
      <c r="AH32" s="349">
        <v>0.9</v>
      </c>
      <c r="AI32" s="349">
        <v>93.8</v>
      </c>
      <c r="AJ32" s="349">
        <v>-1.3</v>
      </c>
      <c r="AK32" s="129"/>
    </row>
    <row r="33" spans="1:37" s="326" customFormat="1" ht="14.25" customHeight="1" x14ac:dyDescent="0.15">
      <c r="A33" s="547"/>
      <c r="B33" s="365"/>
      <c r="C33" s="347" t="s">
        <v>227</v>
      </c>
      <c r="D33" s="348" t="s">
        <v>231</v>
      </c>
      <c r="E33" s="351">
        <v>107.9</v>
      </c>
      <c r="F33" s="352">
        <v>3.6</v>
      </c>
      <c r="G33" s="351">
        <v>109.2</v>
      </c>
      <c r="H33" s="351">
        <v>5.3</v>
      </c>
      <c r="I33" s="351">
        <v>110.1</v>
      </c>
      <c r="J33" s="351">
        <v>0.5</v>
      </c>
      <c r="K33" s="351">
        <v>119.4</v>
      </c>
      <c r="L33" s="351">
        <v>14.5</v>
      </c>
      <c r="M33" s="351">
        <v>112.1</v>
      </c>
      <c r="N33" s="351">
        <v>0.7</v>
      </c>
      <c r="O33" s="351">
        <v>94.1</v>
      </c>
      <c r="P33" s="351">
        <v>3.6</v>
      </c>
      <c r="Q33" s="351">
        <v>104</v>
      </c>
      <c r="R33" s="351">
        <v>-5.5</v>
      </c>
      <c r="S33" s="351">
        <v>98.6</v>
      </c>
      <c r="T33" s="351">
        <v>6.9</v>
      </c>
      <c r="U33" s="351">
        <v>112.5</v>
      </c>
      <c r="V33" s="351">
        <v>-3.5</v>
      </c>
      <c r="W33" s="351">
        <v>109.3</v>
      </c>
      <c r="X33" s="351">
        <v>3.3</v>
      </c>
      <c r="Y33" s="351">
        <v>132.9</v>
      </c>
      <c r="Z33" s="351">
        <v>-12.3</v>
      </c>
      <c r="AA33" s="351">
        <v>111.3</v>
      </c>
      <c r="AB33" s="351">
        <v>12.2</v>
      </c>
      <c r="AC33" s="351">
        <v>90.8</v>
      </c>
      <c r="AD33" s="351">
        <v>7.7</v>
      </c>
      <c r="AE33" s="351">
        <v>114.3</v>
      </c>
      <c r="AF33" s="351">
        <v>11.3</v>
      </c>
      <c r="AG33" s="361">
        <v>102.6</v>
      </c>
      <c r="AH33" s="361">
        <v>8.6999999999999993</v>
      </c>
      <c r="AI33" s="351">
        <v>106.5</v>
      </c>
      <c r="AJ33" s="351">
        <v>12.2</v>
      </c>
      <c r="AK33" s="129"/>
    </row>
    <row r="34" spans="1:37" s="326" customFormat="1" ht="14.25" customHeight="1" x14ac:dyDescent="0.15">
      <c r="A34" s="547"/>
      <c r="B34" s="365"/>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29"/>
    </row>
    <row r="35" spans="1:37" s="326" customFormat="1" ht="15" customHeight="1" x14ac:dyDescent="0.15">
      <c r="A35" s="547"/>
      <c r="B35" s="596" t="s">
        <v>48</v>
      </c>
      <c r="C35" s="347" t="s">
        <v>208</v>
      </c>
      <c r="D35" s="348" t="s">
        <v>232</v>
      </c>
      <c r="E35" s="349">
        <v>109.3</v>
      </c>
      <c r="F35" s="350">
        <v>5.2</v>
      </c>
      <c r="G35" s="349">
        <v>110.5</v>
      </c>
      <c r="H35" s="349">
        <v>4.0999999999999996</v>
      </c>
      <c r="I35" s="349">
        <v>112.2</v>
      </c>
      <c r="J35" s="349">
        <v>0.1</v>
      </c>
      <c r="K35" s="349">
        <v>120.3</v>
      </c>
      <c r="L35" s="349">
        <v>13.4</v>
      </c>
      <c r="M35" s="349">
        <v>112.6</v>
      </c>
      <c r="N35" s="349">
        <v>3.2</v>
      </c>
      <c r="O35" s="349">
        <v>95.9</v>
      </c>
      <c r="P35" s="349">
        <v>4</v>
      </c>
      <c r="Q35" s="349">
        <v>100.8</v>
      </c>
      <c r="R35" s="349">
        <v>-7.3</v>
      </c>
      <c r="S35" s="349">
        <v>99.8</v>
      </c>
      <c r="T35" s="349">
        <v>5.7</v>
      </c>
      <c r="U35" s="349">
        <v>108.1</v>
      </c>
      <c r="V35" s="349">
        <v>-8.4</v>
      </c>
      <c r="W35" s="349">
        <v>111</v>
      </c>
      <c r="X35" s="349">
        <v>4.3</v>
      </c>
      <c r="Y35" s="349">
        <v>123.3</v>
      </c>
      <c r="Z35" s="349">
        <v>6.1</v>
      </c>
      <c r="AA35" s="349">
        <v>119.2</v>
      </c>
      <c r="AB35" s="349">
        <v>19.7</v>
      </c>
      <c r="AC35" s="349">
        <v>92.9</v>
      </c>
      <c r="AD35" s="349">
        <v>11.8</v>
      </c>
      <c r="AE35" s="349">
        <v>118.3</v>
      </c>
      <c r="AF35" s="349">
        <v>14.7</v>
      </c>
      <c r="AG35" s="360" t="s">
        <v>19</v>
      </c>
      <c r="AH35" s="360" t="s">
        <v>19</v>
      </c>
      <c r="AI35" s="349">
        <v>109.6</v>
      </c>
      <c r="AJ35" s="349">
        <v>15.4</v>
      </c>
      <c r="AK35" s="129"/>
    </row>
    <row r="36" spans="1:37" s="326" customFormat="1" ht="15" customHeight="1" x14ac:dyDescent="0.15">
      <c r="A36" s="547"/>
      <c r="B36" s="596"/>
      <c r="C36" s="347" t="s">
        <v>0</v>
      </c>
      <c r="D36" s="348" t="s">
        <v>233</v>
      </c>
      <c r="E36" s="351">
        <v>109.2</v>
      </c>
      <c r="F36" s="352">
        <v>3.7</v>
      </c>
      <c r="G36" s="351">
        <v>109.4</v>
      </c>
      <c r="H36" s="351">
        <v>0</v>
      </c>
      <c r="I36" s="351">
        <v>111.5</v>
      </c>
      <c r="J36" s="351">
        <v>-1.3</v>
      </c>
      <c r="K36" s="351">
        <v>119.4</v>
      </c>
      <c r="L36" s="351">
        <v>15.9</v>
      </c>
      <c r="M36" s="351">
        <v>113.1</v>
      </c>
      <c r="N36" s="351">
        <v>2.2999999999999998</v>
      </c>
      <c r="O36" s="351">
        <v>93.5</v>
      </c>
      <c r="P36" s="351">
        <v>-1.5</v>
      </c>
      <c r="Q36" s="351">
        <v>102.8</v>
      </c>
      <c r="R36" s="351">
        <v>-8.1</v>
      </c>
      <c r="S36" s="351">
        <v>100.9</v>
      </c>
      <c r="T36" s="351">
        <v>7.8</v>
      </c>
      <c r="U36" s="351">
        <v>112.5</v>
      </c>
      <c r="V36" s="351">
        <v>0.3</v>
      </c>
      <c r="W36" s="351">
        <v>112.7</v>
      </c>
      <c r="X36" s="351">
        <v>5.4</v>
      </c>
      <c r="Y36" s="351">
        <v>126.6</v>
      </c>
      <c r="Z36" s="351">
        <v>-23.4</v>
      </c>
      <c r="AA36" s="351">
        <v>115.9</v>
      </c>
      <c r="AB36" s="351">
        <v>16.399999999999999</v>
      </c>
      <c r="AC36" s="351">
        <v>93.6</v>
      </c>
      <c r="AD36" s="351">
        <v>15.7</v>
      </c>
      <c r="AE36" s="351">
        <v>116.4</v>
      </c>
      <c r="AF36" s="351">
        <v>12.5</v>
      </c>
      <c r="AG36" s="361" t="s">
        <v>19</v>
      </c>
      <c r="AH36" s="361" t="s">
        <v>19</v>
      </c>
      <c r="AI36" s="351">
        <v>110.3</v>
      </c>
      <c r="AJ36" s="351">
        <v>17.5</v>
      </c>
      <c r="AK36" s="129"/>
    </row>
    <row r="37" spans="1:37" s="326" customFormat="1" ht="15" customHeight="1" x14ac:dyDescent="0.15">
      <c r="A37" s="547"/>
      <c r="B37" s="596"/>
      <c r="C37" s="347" t="s">
        <v>234</v>
      </c>
      <c r="D37" s="348" t="s">
        <v>235</v>
      </c>
      <c r="E37" s="349">
        <v>108.7</v>
      </c>
      <c r="F37" s="350">
        <v>3.5</v>
      </c>
      <c r="G37" s="349">
        <v>107.5</v>
      </c>
      <c r="H37" s="349">
        <v>0.5</v>
      </c>
      <c r="I37" s="349">
        <v>110.1</v>
      </c>
      <c r="J37" s="349">
        <v>2.2000000000000002</v>
      </c>
      <c r="K37" s="349">
        <v>104.5</v>
      </c>
      <c r="L37" s="349">
        <v>-9.1</v>
      </c>
      <c r="M37" s="349">
        <v>120.3</v>
      </c>
      <c r="N37" s="349">
        <v>8</v>
      </c>
      <c r="O37" s="349">
        <v>97.7</v>
      </c>
      <c r="P37" s="349">
        <v>8.6999999999999993</v>
      </c>
      <c r="Q37" s="349">
        <v>103.7</v>
      </c>
      <c r="R37" s="349">
        <v>-0.8</v>
      </c>
      <c r="S37" s="349">
        <v>105</v>
      </c>
      <c r="T37" s="349">
        <v>9.4</v>
      </c>
      <c r="U37" s="349">
        <v>99</v>
      </c>
      <c r="V37" s="349">
        <v>-11.2</v>
      </c>
      <c r="W37" s="349">
        <v>103.9</v>
      </c>
      <c r="X37" s="349">
        <v>-1.5</v>
      </c>
      <c r="Y37" s="349">
        <v>140.5</v>
      </c>
      <c r="Z37" s="349">
        <v>12.9</v>
      </c>
      <c r="AA37" s="349">
        <v>115.6</v>
      </c>
      <c r="AB37" s="349">
        <v>2.4</v>
      </c>
      <c r="AC37" s="349">
        <v>99.6</v>
      </c>
      <c r="AD37" s="349">
        <v>14.2</v>
      </c>
      <c r="AE37" s="349">
        <v>108.8</v>
      </c>
      <c r="AF37" s="349">
        <v>-2</v>
      </c>
      <c r="AG37" s="360">
        <v>102.7</v>
      </c>
      <c r="AH37" s="360">
        <v>-19.600000000000001</v>
      </c>
      <c r="AI37" s="349">
        <v>114.7</v>
      </c>
      <c r="AJ37" s="349">
        <v>14.5</v>
      </c>
      <c r="AK37" s="129"/>
    </row>
    <row r="38" spans="1:37" s="326" customFormat="1" ht="15" customHeight="1" x14ac:dyDescent="0.15">
      <c r="A38" s="547"/>
      <c r="B38" s="596"/>
      <c r="C38" s="347" t="s">
        <v>0</v>
      </c>
      <c r="D38" s="348" t="s">
        <v>236</v>
      </c>
      <c r="E38" s="351">
        <v>107.9</v>
      </c>
      <c r="F38" s="352">
        <v>2.5</v>
      </c>
      <c r="G38" s="351">
        <v>109.4</v>
      </c>
      <c r="H38" s="351">
        <v>2.1</v>
      </c>
      <c r="I38" s="351">
        <v>110.3</v>
      </c>
      <c r="J38" s="351">
        <v>3</v>
      </c>
      <c r="K38" s="351">
        <v>104.7</v>
      </c>
      <c r="L38" s="351">
        <v>-10.4</v>
      </c>
      <c r="M38" s="351">
        <v>116.5</v>
      </c>
      <c r="N38" s="351">
        <v>8</v>
      </c>
      <c r="O38" s="351">
        <v>93.6</v>
      </c>
      <c r="P38" s="351">
        <v>6.1</v>
      </c>
      <c r="Q38" s="351">
        <v>99.8</v>
      </c>
      <c r="R38" s="351">
        <v>-1</v>
      </c>
      <c r="S38" s="351">
        <v>100.9</v>
      </c>
      <c r="T38" s="351">
        <v>6.5</v>
      </c>
      <c r="U38" s="351">
        <v>94.3</v>
      </c>
      <c r="V38" s="351">
        <v>-14.4</v>
      </c>
      <c r="W38" s="351">
        <v>105.2</v>
      </c>
      <c r="X38" s="351">
        <v>-2.4</v>
      </c>
      <c r="Y38" s="351">
        <v>137.19999999999999</v>
      </c>
      <c r="Z38" s="351">
        <v>-18.7</v>
      </c>
      <c r="AA38" s="351">
        <v>109.6</v>
      </c>
      <c r="AB38" s="351">
        <v>1.5</v>
      </c>
      <c r="AC38" s="351">
        <v>100.8</v>
      </c>
      <c r="AD38" s="351">
        <v>16.399999999999999</v>
      </c>
      <c r="AE38" s="351">
        <v>109.6</v>
      </c>
      <c r="AF38" s="351">
        <v>-0.5</v>
      </c>
      <c r="AG38" s="361">
        <v>102</v>
      </c>
      <c r="AH38" s="361">
        <v>4.4000000000000004</v>
      </c>
      <c r="AI38" s="351">
        <v>113.7</v>
      </c>
      <c r="AJ38" s="351">
        <v>8.1</v>
      </c>
      <c r="AK38" s="129"/>
    </row>
    <row r="39" spans="1:37" s="326" customFormat="1" ht="15" customHeight="1" x14ac:dyDescent="0.15">
      <c r="A39" s="547"/>
      <c r="B39" s="596"/>
      <c r="C39" s="347" t="s">
        <v>0</v>
      </c>
      <c r="D39" s="348" t="s">
        <v>237</v>
      </c>
      <c r="E39" s="349">
        <v>109.6</v>
      </c>
      <c r="F39" s="350">
        <v>3</v>
      </c>
      <c r="G39" s="349">
        <v>112.5</v>
      </c>
      <c r="H39" s="349">
        <v>3.4</v>
      </c>
      <c r="I39" s="349">
        <v>110.9</v>
      </c>
      <c r="J39" s="349">
        <v>1.8</v>
      </c>
      <c r="K39" s="349">
        <v>115.7</v>
      </c>
      <c r="L39" s="349">
        <v>-3.3</v>
      </c>
      <c r="M39" s="349">
        <v>117.9</v>
      </c>
      <c r="N39" s="349">
        <v>7.6</v>
      </c>
      <c r="O39" s="349">
        <v>96.1</v>
      </c>
      <c r="P39" s="349">
        <v>1.7</v>
      </c>
      <c r="Q39" s="349">
        <v>101.9</v>
      </c>
      <c r="R39" s="349">
        <v>-1.7</v>
      </c>
      <c r="S39" s="349">
        <v>106.1</v>
      </c>
      <c r="T39" s="349">
        <v>11.1</v>
      </c>
      <c r="U39" s="349">
        <v>90.7</v>
      </c>
      <c r="V39" s="349">
        <v>-21.3</v>
      </c>
      <c r="W39" s="349">
        <v>106.3</v>
      </c>
      <c r="X39" s="349">
        <v>-1.8</v>
      </c>
      <c r="Y39" s="349">
        <v>139.80000000000001</v>
      </c>
      <c r="Z39" s="349">
        <v>10.3</v>
      </c>
      <c r="AA39" s="349">
        <v>111.7</v>
      </c>
      <c r="AB39" s="349">
        <v>6</v>
      </c>
      <c r="AC39" s="349">
        <v>101.5</v>
      </c>
      <c r="AD39" s="349">
        <v>16.899999999999999</v>
      </c>
      <c r="AE39" s="349">
        <v>112.2</v>
      </c>
      <c r="AF39" s="349">
        <v>0.1</v>
      </c>
      <c r="AG39" s="360">
        <v>99.5</v>
      </c>
      <c r="AH39" s="360">
        <v>7.7</v>
      </c>
      <c r="AI39" s="349">
        <v>114.4</v>
      </c>
      <c r="AJ39" s="349">
        <v>8.8000000000000007</v>
      </c>
      <c r="AK39" s="129"/>
    </row>
    <row r="40" spans="1:37" s="326" customFormat="1" ht="15" customHeight="1" x14ac:dyDescent="0.15">
      <c r="A40" s="547"/>
      <c r="B40" s="23">
        <v>30</v>
      </c>
      <c r="C40" s="347" t="s">
        <v>0</v>
      </c>
      <c r="D40" s="348" t="s">
        <v>238</v>
      </c>
      <c r="E40" s="351">
        <v>111.8</v>
      </c>
      <c r="F40" s="352">
        <v>2.5</v>
      </c>
      <c r="G40" s="351">
        <v>110.7</v>
      </c>
      <c r="H40" s="351">
        <v>1.5</v>
      </c>
      <c r="I40" s="351">
        <v>113.2</v>
      </c>
      <c r="J40" s="351">
        <v>3.1</v>
      </c>
      <c r="K40" s="351">
        <v>99.9</v>
      </c>
      <c r="L40" s="351">
        <v>-17.100000000000001</v>
      </c>
      <c r="M40" s="351">
        <v>120.3</v>
      </c>
      <c r="N40" s="351">
        <v>6.3</v>
      </c>
      <c r="O40" s="351">
        <v>97.2</v>
      </c>
      <c r="P40" s="351">
        <v>1.6</v>
      </c>
      <c r="Q40" s="351">
        <v>102.6</v>
      </c>
      <c r="R40" s="351">
        <v>-2.9</v>
      </c>
      <c r="S40" s="351">
        <v>106.8</v>
      </c>
      <c r="T40" s="351">
        <v>7.6</v>
      </c>
      <c r="U40" s="351">
        <v>99.8</v>
      </c>
      <c r="V40" s="351">
        <v>-19.600000000000001</v>
      </c>
      <c r="W40" s="351">
        <v>108</v>
      </c>
      <c r="X40" s="351">
        <v>-0.7</v>
      </c>
      <c r="Y40" s="351">
        <v>148.19999999999999</v>
      </c>
      <c r="Z40" s="351">
        <v>-12.3</v>
      </c>
      <c r="AA40" s="351">
        <v>119.5</v>
      </c>
      <c r="AB40" s="351">
        <v>7.3</v>
      </c>
      <c r="AC40" s="351">
        <v>104.8</v>
      </c>
      <c r="AD40" s="351">
        <v>15.8</v>
      </c>
      <c r="AE40" s="351">
        <v>115.1</v>
      </c>
      <c r="AF40" s="351">
        <v>0.3</v>
      </c>
      <c r="AG40" s="361">
        <v>100.7</v>
      </c>
      <c r="AH40" s="361">
        <v>0.1</v>
      </c>
      <c r="AI40" s="351">
        <v>117.1</v>
      </c>
      <c r="AJ40" s="351">
        <v>11.5</v>
      </c>
      <c r="AK40" s="129"/>
    </row>
    <row r="41" spans="1:37" s="326" customFormat="1" ht="15" customHeight="1" x14ac:dyDescent="0.15">
      <c r="A41" s="547"/>
      <c r="B41" s="597" t="s">
        <v>209</v>
      </c>
      <c r="C41" s="347" t="s">
        <v>0</v>
      </c>
      <c r="D41" s="348" t="s">
        <v>239</v>
      </c>
      <c r="E41" s="349">
        <v>110.4</v>
      </c>
      <c r="F41" s="350">
        <v>2.2000000000000002</v>
      </c>
      <c r="G41" s="349">
        <v>111.1</v>
      </c>
      <c r="H41" s="349">
        <v>0.8</v>
      </c>
      <c r="I41" s="349">
        <v>111.7</v>
      </c>
      <c r="J41" s="349">
        <v>2.5</v>
      </c>
      <c r="K41" s="349">
        <v>106.5</v>
      </c>
      <c r="L41" s="349">
        <v>-11</v>
      </c>
      <c r="M41" s="349">
        <v>117.2</v>
      </c>
      <c r="N41" s="349">
        <v>2.5</v>
      </c>
      <c r="O41" s="349">
        <v>96.6</v>
      </c>
      <c r="P41" s="349">
        <v>2.5</v>
      </c>
      <c r="Q41" s="349">
        <v>104.4</v>
      </c>
      <c r="R41" s="349">
        <v>0.2</v>
      </c>
      <c r="S41" s="349">
        <v>111.9</v>
      </c>
      <c r="T41" s="349">
        <v>14.2</v>
      </c>
      <c r="U41" s="349">
        <v>96.3</v>
      </c>
      <c r="V41" s="349">
        <v>-13.6</v>
      </c>
      <c r="W41" s="349">
        <v>106.3</v>
      </c>
      <c r="X41" s="349">
        <v>-1.2</v>
      </c>
      <c r="Y41" s="349">
        <v>145.30000000000001</v>
      </c>
      <c r="Z41" s="349">
        <v>13.4</v>
      </c>
      <c r="AA41" s="349">
        <v>120.5</v>
      </c>
      <c r="AB41" s="349">
        <v>7.7</v>
      </c>
      <c r="AC41" s="349">
        <v>100.3</v>
      </c>
      <c r="AD41" s="349">
        <v>7</v>
      </c>
      <c r="AE41" s="349">
        <v>112.9</v>
      </c>
      <c r="AF41" s="349">
        <v>-1.2</v>
      </c>
      <c r="AG41" s="360">
        <v>102.2</v>
      </c>
      <c r="AH41" s="360">
        <v>3.5</v>
      </c>
      <c r="AI41" s="349">
        <v>114.9</v>
      </c>
      <c r="AJ41" s="349">
        <v>9</v>
      </c>
      <c r="AK41" s="129"/>
    </row>
    <row r="42" spans="1:37" s="326" customFormat="1" ht="15" customHeight="1" x14ac:dyDescent="0.15">
      <c r="A42" s="547"/>
      <c r="B42" s="597"/>
      <c r="C42" s="347" t="s">
        <v>0</v>
      </c>
      <c r="D42" s="348" t="s">
        <v>240</v>
      </c>
      <c r="E42" s="351">
        <v>112</v>
      </c>
      <c r="F42" s="352">
        <v>2.9</v>
      </c>
      <c r="G42" s="351">
        <v>116.7</v>
      </c>
      <c r="H42" s="351">
        <v>7.2</v>
      </c>
      <c r="I42" s="351">
        <v>114</v>
      </c>
      <c r="J42" s="351">
        <v>3.1</v>
      </c>
      <c r="K42" s="351">
        <v>121.3</v>
      </c>
      <c r="L42" s="351">
        <v>0.6</v>
      </c>
      <c r="M42" s="351">
        <v>120.7</v>
      </c>
      <c r="N42" s="351">
        <v>7.6</v>
      </c>
      <c r="O42" s="351">
        <v>98.2</v>
      </c>
      <c r="P42" s="351">
        <v>3.2</v>
      </c>
      <c r="Q42" s="351">
        <v>104.3</v>
      </c>
      <c r="R42" s="351">
        <v>0.9</v>
      </c>
      <c r="S42" s="351">
        <v>103.9</v>
      </c>
      <c r="T42" s="351">
        <v>7.6</v>
      </c>
      <c r="U42" s="351">
        <v>100.6</v>
      </c>
      <c r="V42" s="351">
        <v>-6.5</v>
      </c>
      <c r="W42" s="351">
        <v>107.8</v>
      </c>
      <c r="X42" s="351">
        <v>-0.9</v>
      </c>
      <c r="Y42" s="351">
        <v>142.9</v>
      </c>
      <c r="Z42" s="351">
        <v>10.1</v>
      </c>
      <c r="AA42" s="351">
        <v>124.6</v>
      </c>
      <c r="AB42" s="351">
        <v>13.6</v>
      </c>
      <c r="AC42" s="351">
        <v>100.1</v>
      </c>
      <c r="AD42" s="351">
        <v>10</v>
      </c>
      <c r="AE42" s="351">
        <v>114.1</v>
      </c>
      <c r="AF42" s="351">
        <v>-4.8</v>
      </c>
      <c r="AG42" s="361">
        <v>104.2</v>
      </c>
      <c r="AH42" s="361">
        <v>4.7</v>
      </c>
      <c r="AI42" s="351">
        <v>115.7</v>
      </c>
      <c r="AJ42" s="351">
        <v>8.1</v>
      </c>
      <c r="AK42" s="129"/>
    </row>
    <row r="43" spans="1:37" s="326" customFormat="1" ht="15" customHeight="1" x14ac:dyDescent="0.15">
      <c r="A43" s="547"/>
      <c r="B43" s="597"/>
      <c r="C43" s="347" t="s">
        <v>0</v>
      </c>
      <c r="D43" s="348" t="s">
        <v>241</v>
      </c>
      <c r="E43" s="349">
        <v>112.1</v>
      </c>
      <c r="F43" s="350">
        <v>3.6</v>
      </c>
      <c r="G43" s="349">
        <v>115.1</v>
      </c>
      <c r="H43" s="349">
        <v>5.4</v>
      </c>
      <c r="I43" s="349">
        <v>114.2</v>
      </c>
      <c r="J43" s="349">
        <v>2.9</v>
      </c>
      <c r="K43" s="349">
        <v>107.5</v>
      </c>
      <c r="L43" s="349">
        <v>-8.9</v>
      </c>
      <c r="M43" s="349">
        <v>118.1</v>
      </c>
      <c r="N43" s="349">
        <v>5.6</v>
      </c>
      <c r="O43" s="349">
        <v>94.5</v>
      </c>
      <c r="P43" s="349">
        <v>0.2</v>
      </c>
      <c r="Q43" s="349">
        <v>107.4</v>
      </c>
      <c r="R43" s="349">
        <v>3.9</v>
      </c>
      <c r="S43" s="349">
        <v>106</v>
      </c>
      <c r="T43" s="349">
        <v>3.6</v>
      </c>
      <c r="U43" s="349">
        <v>117.7</v>
      </c>
      <c r="V43" s="349">
        <v>7.7</v>
      </c>
      <c r="W43" s="349">
        <v>107.7</v>
      </c>
      <c r="X43" s="349">
        <v>-1.9</v>
      </c>
      <c r="Y43" s="349">
        <v>141</v>
      </c>
      <c r="Z43" s="349">
        <v>10.7</v>
      </c>
      <c r="AA43" s="349">
        <v>115.1</v>
      </c>
      <c r="AB43" s="349">
        <v>5.3</v>
      </c>
      <c r="AC43" s="349">
        <v>99.3</v>
      </c>
      <c r="AD43" s="349">
        <v>8.4</v>
      </c>
      <c r="AE43" s="349">
        <v>114.3</v>
      </c>
      <c r="AF43" s="349">
        <v>-0.2</v>
      </c>
      <c r="AG43" s="360">
        <v>103.9</v>
      </c>
      <c r="AH43" s="360">
        <v>4.0999999999999996</v>
      </c>
      <c r="AI43" s="349">
        <v>119.7</v>
      </c>
      <c r="AJ43" s="349">
        <v>10.9</v>
      </c>
      <c r="AK43" s="129"/>
    </row>
    <row r="44" spans="1:37" s="326" customFormat="1" ht="15" customHeight="1" x14ac:dyDescent="0.15">
      <c r="A44" s="547"/>
      <c r="B44" s="365"/>
      <c r="C44" s="347" t="s">
        <v>0</v>
      </c>
      <c r="D44" s="348" t="s">
        <v>242</v>
      </c>
      <c r="E44" s="351">
        <v>110.8</v>
      </c>
      <c r="F44" s="352">
        <v>1.5</v>
      </c>
      <c r="G44" s="351">
        <v>111.8</v>
      </c>
      <c r="H44" s="351">
        <v>2.7</v>
      </c>
      <c r="I44" s="351">
        <v>113.1</v>
      </c>
      <c r="J44" s="351">
        <v>1.6</v>
      </c>
      <c r="K44" s="351">
        <v>120.6</v>
      </c>
      <c r="L44" s="351">
        <v>-0.8</v>
      </c>
      <c r="M44" s="351">
        <v>120.9</v>
      </c>
      <c r="N44" s="351">
        <v>5.6</v>
      </c>
      <c r="O44" s="351">
        <v>94</v>
      </c>
      <c r="P44" s="351">
        <v>-1.8</v>
      </c>
      <c r="Q44" s="351">
        <v>105.8</v>
      </c>
      <c r="R44" s="351">
        <v>-2</v>
      </c>
      <c r="S44" s="351">
        <v>103.6</v>
      </c>
      <c r="T44" s="351">
        <v>4.3</v>
      </c>
      <c r="U44" s="351">
        <v>100.3</v>
      </c>
      <c r="V44" s="351">
        <v>-7</v>
      </c>
      <c r="W44" s="351">
        <v>107.5</v>
      </c>
      <c r="X44" s="351">
        <v>-1.6</v>
      </c>
      <c r="Y44" s="351">
        <v>147.19999999999999</v>
      </c>
      <c r="Z44" s="351">
        <v>20.399999999999999</v>
      </c>
      <c r="AA44" s="351">
        <v>119.6</v>
      </c>
      <c r="AB44" s="351">
        <v>6.9</v>
      </c>
      <c r="AC44" s="351">
        <v>97.2</v>
      </c>
      <c r="AD44" s="351">
        <v>7.8</v>
      </c>
      <c r="AE44" s="351">
        <v>113.3</v>
      </c>
      <c r="AF44" s="351">
        <v>-4</v>
      </c>
      <c r="AG44" s="361">
        <v>102.9</v>
      </c>
      <c r="AH44" s="361">
        <v>5.2</v>
      </c>
      <c r="AI44" s="351">
        <v>115.6</v>
      </c>
      <c r="AJ44" s="351">
        <v>8.6999999999999993</v>
      </c>
      <c r="AK44" s="129"/>
    </row>
    <row r="45" spans="1:37" s="326" customFormat="1" ht="15" customHeight="1" x14ac:dyDescent="0.15">
      <c r="A45" s="547"/>
      <c r="B45" s="365"/>
      <c r="C45" s="347" t="s">
        <v>0</v>
      </c>
      <c r="D45" s="348" t="s">
        <v>243</v>
      </c>
      <c r="E45" s="349">
        <v>111.4</v>
      </c>
      <c r="F45" s="350">
        <v>2.6</v>
      </c>
      <c r="G45" s="349">
        <v>114.2</v>
      </c>
      <c r="H45" s="349">
        <v>4.5999999999999996</v>
      </c>
      <c r="I45" s="349">
        <v>112.9</v>
      </c>
      <c r="J45" s="349">
        <v>1.9</v>
      </c>
      <c r="K45" s="349">
        <v>104.3</v>
      </c>
      <c r="L45" s="349">
        <v>-13.2</v>
      </c>
      <c r="M45" s="349">
        <v>118.6</v>
      </c>
      <c r="N45" s="349">
        <v>6.2</v>
      </c>
      <c r="O45" s="349">
        <v>96.9</v>
      </c>
      <c r="P45" s="349">
        <v>2.6</v>
      </c>
      <c r="Q45" s="349">
        <v>106.3</v>
      </c>
      <c r="R45" s="349">
        <v>1.1000000000000001</v>
      </c>
      <c r="S45" s="349">
        <v>105.6</v>
      </c>
      <c r="T45" s="349">
        <v>6</v>
      </c>
      <c r="U45" s="349">
        <v>99.6</v>
      </c>
      <c r="V45" s="349">
        <v>-16.100000000000001</v>
      </c>
      <c r="W45" s="349">
        <v>108.3</v>
      </c>
      <c r="X45" s="349">
        <v>-1.8</v>
      </c>
      <c r="Y45" s="349">
        <v>144.69999999999999</v>
      </c>
      <c r="Z45" s="349">
        <v>18.7</v>
      </c>
      <c r="AA45" s="349">
        <v>119.2</v>
      </c>
      <c r="AB45" s="349">
        <v>10.5</v>
      </c>
      <c r="AC45" s="349">
        <v>98.2</v>
      </c>
      <c r="AD45" s="349">
        <v>7.7</v>
      </c>
      <c r="AE45" s="349">
        <v>113.3</v>
      </c>
      <c r="AF45" s="349">
        <v>-2.2000000000000002</v>
      </c>
      <c r="AG45" s="360">
        <v>101.5</v>
      </c>
      <c r="AH45" s="360">
        <v>-16.600000000000001</v>
      </c>
      <c r="AI45" s="349">
        <v>119</v>
      </c>
      <c r="AJ45" s="349">
        <v>10.1</v>
      </c>
      <c r="AK45" s="129"/>
    </row>
    <row r="46" spans="1:37" s="326" customFormat="1" ht="15" customHeight="1" x14ac:dyDescent="0.15">
      <c r="A46" s="547"/>
      <c r="B46" s="365"/>
      <c r="C46" s="347" t="s">
        <v>0</v>
      </c>
      <c r="D46" s="348" t="s">
        <v>244</v>
      </c>
      <c r="E46" s="351">
        <v>114.5</v>
      </c>
      <c r="F46" s="352">
        <v>5.9</v>
      </c>
      <c r="G46" s="351">
        <v>115.6</v>
      </c>
      <c r="H46" s="351">
        <v>3.6</v>
      </c>
      <c r="I46" s="351">
        <v>115.1</v>
      </c>
      <c r="J46" s="351">
        <v>3</v>
      </c>
      <c r="K46" s="351">
        <v>123.9</v>
      </c>
      <c r="L46" s="351">
        <v>2.7</v>
      </c>
      <c r="M46" s="351">
        <v>120.9</v>
      </c>
      <c r="N46" s="351">
        <v>7</v>
      </c>
      <c r="O46" s="351">
        <v>99.6</v>
      </c>
      <c r="P46" s="351">
        <v>2.6</v>
      </c>
      <c r="Q46" s="351">
        <v>113.3</v>
      </c>
      <c r="R46" s="351">
        <v>7.3</v>
      </c>
      <c r="S46" s="351">
        <v>111.9</v>
      </c>
      <c r="T46" s="351">
        <v>10.8</v>
      </c>
      <c r="U46" s="351">
        <v>104.4</v>
      </c>
      <c r="V46" s="351">
        <v>-7.5</v>
      </c>
      <c r="W46" s="351">
        <v>109.5</v>
      </c>
      <c r="X46" s="351">
        <v>-1.9</v>
      </c>
      <c r="Y46" s="351">
        <v>148.4</v>
      </c>
      <c r="Z46" s="351">
        <v>17.5</v>
      </c>
      <c r="AA46" s="351">
        <v>116.2</v>
      </c>
      <c r="AB46" s="351">
        <v>3.5</v>
      </c>
      <c r="AC46" s="351">
        <v>101</v>
      </c>
      <c r="AD46" s="351">
        <v>7.3</v>
      </c>
      <c r="AE46" s="351">
        <v>117.1</v>
      </c>
      <c r="AF46" s="351">
        <v>10.3</v>
      </c>
      <c r="AG46" s="351">
        <v>103.3</v>
      </c>
      <c r="AH46" s="361">
        <v>6.9</v>
      </c>
      <c r="AI46" s="351">
        <v>121</v>
      </c>
      <c r="AJ46" s="351">
        <v>11.6</v>
      </c>
      <c r="AK46" s="129"/>
    </row>
    <row r="47" spans="1:37" s="326" customFormat="1" ht="14.25" customHeight="1" x14ac:dyDescent="0.15">
      <c r="A47" s="547"/>
      <c r="B47" s="365"/>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29"/>
    </row>
    <row r="48" spans="1:37" s="326" customFormat="1" ht="14.25" customHeight="1" x14ac:dyDescent="0.15">
      <c r="A48" s="547"/>
      <c r="B48" s="365"/>
      <c r="C48" s="347" t="s">
        <v>234</v>
      </c>
      <c r="D48" s="348" t="s">
        <v>232</v>
      </c>
      <c r="E48" s="349">
        <v>112.5</v>
      </c>
      <c r="F48" s="350">
        <v>2.9</v>
      </c>
      <c r="G48" s="349">
        <v>115.3</v>
      </c>
      <c r="H48" s="349">
        <v>4.3</v>
      </c>
      <c r="I48" s="349">
        <v>114.2</v>
      </c>
      <c r="J48" s="349">
        <v>1.8</v>
      </c>
      <c r="K48" s="349">
        <v>104</v>
      </c>
      <c r="L48" s="349">
        <v>-13.5</v>
      </c>
      <c r="M48" s="349">
        <v>120.8</v>
      </c>
      <c r="N48" s="349">
        <v>7.3</v>
      </c>
      <c r="O48" s="349">
        <v>96.9</v>
      </c>
      <c r="P48" s="349">
        <v>1</v>
      </c>
      <c r="Q48" s="349">
        <v>111.1</v>
      </c>
      <c r="R48" s="349">
        <v>10.199999999999999</v>
      </c>
      <c r="S48" s="349">
        <v>108.2</v>
      </c>
      <c r="T48" s="349">
        <v>8.4</v>
      </c>
      <c r="U48" s="349">
        <v>103.2</v>
      </c>
      <c r="V48" s="349">
        <v>-4.5</v>
      </c>
      <c r="W48" s="349">
        <v>109.2</v>
      </c>
      <c r="X48" s="349">
        <v>-1.6</v>
      </c>
      <c r="Y48" s="349">
        <v>151.4</v>
      </c>
      <c r="Z48" s="349">
        <v>22.8</v>
      </c>
      <c r="AA48" s="349">
        <v>121.1</v>
      </c>
      <c r="AB48" s="349">
        <v>1.6</v>
      </c>
      <c r="AC48" s="349">
        <v>95.8</v>
      </c>
      <c r="AD48" s="349">
        <v>3.1</v>
      </c>
      <c r="AE48" s="349">
        <v>113.4</v>
      </c>
      <c r="AF48" s="349">
        <v>-4.0999999999999996</v>
      </c>
      <c r="AG48" s="349">
        <v>100.5</v>
      </c>
      <c r="AH48" s="360">
        <v>-1.1000000000000001</v>
      </c>
      <c r="AI48" s="349">
        <v>120</v>
      </c>
      <c r="AJ48" s="349">
        <v>9.5</v>
      </c>
      <c r="AK48" s="129"/>
    </row>
    <row r="49" spans="1:36" ht="11.25" customHeight="1" thickBot="1" x14ac:dyDescent="0.2">
      <c r="A49" s="547"/>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7"/>
      <c r="C50" s="598" t="s">
        <v>210</v>
      </c>
      <c r="D50" s="599"/>
      <c r="E50" s="599"/>
      <c r="F50" s="599"/>
      <c r="G50" s="599"/>
      <c r="H50" s="599"/>
      <c r="I50" s="599"/>
      <c r="J50" s="599"/>
      <c r="K50" s="599"/>
      <c r="L50" s="599"/>
      <c r="M50" s="600"/>
      <c r="N50" s="600"/>
      <c r="O50" s="600"/>
      <c r="P50" s="600"/>
      <c r="Q50" s="600"/>
      <c r="R50" s="600"/>
      <c r="S50" s="600"/>
      <c r="T50" s="600"/>
      <c r="U50" s="600"/>
      <c r="V50" s="600"/>
      <c r="W50" s="600"/>
      <c r="X50" s="600"/>
      <c r="Y50" s="600"/>
      <c r="Z50" s="600"/>
      <c r="AA50" s="600"/>
      <c r="AB50" s="600"/>
      <c r="AC50" s="600"/>
      <c r="AD50" s="600"/>
      <c r="AE50" s="600"/>
      <c r="AF50" s="600"/>
    </row>
  </sheetData>
  <protectedRanges>
    <protectedRange sqref="AI26:AJ26" name="範囲1_1_2"/>
    <protectedRange sqref="AI47:AJ47" name="範囲1_1_4"/>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5" orientation="landscape" errors="blank"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7EDF06-7A4A-4786-903A-3E96C0707A81}">
  <sheetPr codeName="Sheet19">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425" customWidth="1"/>
    <col min="2" max="2" width="2.5" style="367" customWidth="1"/>
    <col min="3" max="3" width="6.625" style="367" customWidth="1"/>
    <col min="4" max="4" width="3.875" style="367" customWidth="1"/>
    <col min="5" max="20" width="4.875" style="367" customWidth="1"/>
    <col min="21" max="28" width="4.875" style="451" customWidth="1"/>
    <col min="29" max="33" width="4.875" style="367" customWidth="1"/>
    <col min="34" max="34" width="5.625" style="367" customWidth="1"/>
    <col min="35" max="36" width="4.875" style="367" customWidth="1"/>
    <col min="37" max="37" width="4.625" style="367" customWidth="1"/>
    <col min="38" max="16384" width="9" style="369"/>
  </cols>
  <sheetData>
    <row r="1" spans="1:37" ht="18.75" customHeight="1" x14ac:dyDescent="0.15">
      <c r="A1" s="623" t="s">
        <v>217</v>
      </c>
      <c r="B1" s="366" t="s">
        <v>218</v>
      </c>
      <c r="D1" s="368"/>
      <c r="E1" s="368"/>
      <c r="F1" s="368"/>
      <c r="G1" s="368"/>
      <c r="H1" s="368"/>
      <c r="I1" s="368"/>
      <c r="J1" s="368"/>
      <c r="K1" s="368"/>
      <c r="L1" s="368"/>
      <c r="M1" s="368"/>
      <c r="N1" s="368"/>
      <c r="O1" s="368"/>
      <c r="P1" s="368"/>
      <c r="Q1" s="368"/>
      <c r="R1" s="368"/>
      <c r="S1" s="368"/>
      <c r="T1" s="368"/>
      <c r="U1" s="435"/>
      <c r="V1" s="435"/>
      <c r="W1" s="435"/>
      <c r="X1" s="435"/>
      <c r="Y1" s="435"/>
      <c r="Z1" s="435"/>
      <c r="AA1" s="435"/>
      <c r="AB1" s="435"/>
      <c r="AC1" s="368"/>
      <c r="AD1" s="368"/>
      <c r="AE1" s="368"/>
      <c r="AF1" s="624" t="s">
        <v>213</v>
      </c>
      <c r="AG1" s="624"/>
      <c r="AH1" s="624"/>
      <c r="AI1" s="624"/>
      <c r="AJ1" s="624"/>
      <c r="AK1" s="368"/>
    </row>
    <row r="2" spans="1:37" s="375" customFormat="1" ht="3.75" customHeight="1" thickBot="1" x14ac:dyDescent="0.2">
      <c r="A2" s="623"/>
      <c r="B2" s="370"/>
      <c r="C2" s="371"/>
      <c r="D2" s="371"/>
      <c r="E2" s="371"/>
      <c r="F2" s="371"/>
      <c r="G2" s="372"/>
      <c r="H2" s="625"/>
      <c r="I2" s="625"/>
      <c r="J2" s="625"/>
      <c r="K2" s="625"/>
      <c r="L2" s="625"/>
      <c r="M2" s="371"/>
      <c r="N2" s="371"/>
      <c r="O2" s="371"/>
      <c r="P2" s="625"/>
      <c r="Q2" s="625"/>
      <c r="R2" s="625"/>
      <c r="S2" s="625"/>
      <c r="T2" s="625"/>
      <c r="U2" s="436"/>
      <c r="V2" s="436"/>
      <c r="W2" s="436"/>
      <c r="X2" s="436"/>
      <c r="Y2" s="437"/>
      <c r="Z2" s="437"/>
      <c r="AA2" s="437"/>
      <c r="AB2" s="437"/>
      <c r="AC2" s="373"/>
      <c r="AD2" s="373"/>
      <c r="AE2" s="373"/>
      <c r="AF2" s="374"/>
      <c r="AG2" s="374"/>
      <c r="AH2" s="374"/>
      <c r="AI2" s="374"/>
      <c r="AJ2" s="374"/>
      <c r="AK2" s="372"/>
    </row>
    <row r="3" spans="1:37" s="375" customFormat="1" ht="6" customHeight="1" x14ac:dyDescent="0.15">
      <c r="A3" s="623"/>
      <c r="B3" s="376"/>
      <c r="C3" s="626"/>
      <c r="D3" s="627"/>
      <c r="E3" s="377"/>
      <c r="F3" s="378"/>
      <c r="G3" s="379"/>
      <c r="H3" s="380"/>
      <c r="I3" s="377"/>
      <c r="J3" s="380"/>
      <c r="K3" s="377"/>
      <c r="L3" s="380"/>
      <c r="M3" s="377"/>
      <c r="N3" s="380"/>
      <c r="O3" s="377"/>
      <c r="P3" s="380"/>
      <c r="Q3" s="377"/>
      <c r="R3" s="380"/>
      <c r="S3" s="377"/>
      <c r="T3" s="379"/>
      <c r="U3" s="377"/>
      <c r="V3" s="380"/>
      <c r="W3" s="377"/>
      <c r="X3" s="380"/>
      <c r="Y3" s="377"/>
      <c r="Z3" s="380"/>
      <c r="AA3" s="377"/>
      <c r="AB3" s="380"/>
      <c r="AC3" s="377"/>
      <c r="AD3" s="379"/>
      <c r="AE3" s="377"/>
      <c r="AF3" s="380"/>
      <c r="AG3" s="377"/>
      <c r="AH3" s="380"/>
      <c r="AI3" s="377"/>
      <c r="AJ3" s="379"/>
      <c r="AK3" s="373"/>
    </row>
    <row r="4" spans="1:37" s="375" customFormat="1" ht="10.5" customHeight="1" x14ac:dyDescent="0.15">
      <c r="A4" s="623"/>
      <c r="B4" s="370"/>
      <c r="C4" s="628"/>
      <c r="D4" s="629"/>
      <c r="E4" s="617" t="s">
        <v>90</v>
      </c>
      <c r="F4" s="632"/>
      <c r="G4" s="633" t="s">
        <v>1</v>
      </c>
      <c r="H4" s="618"/>
      <c r="I4" s="617" t="s">
        <v>2</v>
      </c>
      <c r="J4" s="618"/>
      <c r="K4" s="617" t="s">
        <v>183</v>
      </c>
      <c r="L4" s="618"/>
      <c r="M4" s="617" t="s">
        <v>184</v>
      </c>
      <c r="N4" s="619"/>
      <c r="O4" s="617" t="s">
        <v>185</v>
      </c>
      <c r="P4" s="619"/>
      <c r="Q4" s="617" t="s">
        <v>186</v>
      </c>
      <c r="R4" s="619"/>
      <c r="S4" s="617" t="s">
        <v>187</v>
      </c>
      <c r="T4" s="619"/>
      <c r="U4" s="617" t="s">
        <v>188</v>
      </c>
      <c r="V4" s="619"/>
      <c r="W4" s="620" t="s">
        <v>189</v>
      </c>
      <c r="X4" s="621"/>
      <c r="Y4" s="617" t="s">
        <v>190</v>
      </c>
      <c r="Z4" s="622"/>
      <c r="AA4" s="620" t="s">
        <v>191</v>
      </c>
      <c r="AB4" s="621"/>
      <c r="AC4" s="617" t="s">
        <v>192</v>
      </c>
      <c r="AD4" s="622"/>
      <c r="AE4" s="617" t="s">
        <v>193</v>
      </c>
      <c r="AF4" s="622"/>
      <c r="AG4" s="617" t="s">
        <v>194</v>
      </c>
      <c r="AH4" s="622"/>
      <c r="AI4" s="617" t="s">
        <v>195</v>
      </c>
      <c r="AJ4" s="634"/>
      <c r="AK4" s="438"/>
    </row>
    <row r="5" spans="1:37" s="375" customFormat="1" ht="10.5" customHeight="1" x14ac:dyDescent="0.15">
      <c r="A5" s="623"/>
      <c r="B5" s="370"/>
      <c r="C5" s="628"/>
      <c r="D5" s="629"/>
      <c r="E5" s="381"/>
      <c r="F5" s="382"/>
      <c r="G5" s="383"/>
      <c r="H5" s="384"/>
      <c r="I5" s="381"/>
      <c r="J5" s="384"/>
      <c r="K5" s="620" t="s">
        <v>196</v>
      </c>
      <c r="L5" s="621"/>
      <c r="M5" s="635"/>
      <c r="N5" s="619"/>
      <c r="O5" s="636" t="s">
        <v>197</v>
      </c>
      <c r="P5" s="619"/>
      <c r="Q5" s="617" t="s">
        <v>198</v>
      </c>
      <c r="R5" s="619"/>
      <c r="S5" s="617" t="s">
        <v>199</v>
      </c>
      <c r="T5" s="619"/>
      <c r="U5" s="617" t="s">
        <v>200</v>
      </c>
      <c r="V5" s="619"/>
      <c r="W5" s="620" t="s">
        <v>201</v>
      </c>
      <c r="X5" s="621"/>
      <c r="Y5" s="620" t="s">
        <v>202</v>
      </c>
      <c r="Z5" s="621"/>
      <c r="AA5" s="617" t="s">
        <v>203</v>
      </c>
      <c r="AB5" s="619"/>
      <c r="AC5" s="617" t="s">
        <v>204</v>
      </c>
      <c r="AD5" s="622"/>
      <c r="AE5" s="617"/>
      <c r="AF5" s="619"/>
      <c r="AG5" s="617" t="s">
        <v>205</v>
      </c>
      <c r="AH5" s="619"/>
      <c r="AI5" s="617"/>
      <c r="AJ5" s="637"/>
      <c r="AK5" s="367"/>
    </row>
    <row r="6" spans="1:37" s="386" customFormat="1" ht="15" customHeight="1" x14ac:dyDescent="0.15">
      <c r="A6" s="623"/>
      <c r="B6" s="385"/>
      <c r="C6" s="628"/>
      <c r="D6" s="629"/>
      <c r="E6" s="638" t="s">
        <v>206</v>
      </c>
      <c r="F6" s="639"/>
      <c r="G6" s="640" t="s">
        <v>206</v>
      </c>
      <c r="H6" s="641"/>
      <c r="I6" s="638" t="s">
        <v>206</v>
      </c>
      <c r="J6" s="641"/>
      <c r="K6" s="638" t="s">
        <v>206</v>
      </c>
      <c r="L6" s="641"/>
      <c r="M6" s="638" t="s">
        <v>206</v>
      </c>
      <c r="N6" s="641"/>
      <c r="O6" s="638" t="s">
        <v>206</v>
      </c>
      <c r="P6" s="641"/>
      <c r="Q6" s="638" t="s">
        <v>206</v>
      </c>
      <c r="R6" s="641"/>
      <c r="S6" s="638" t="s">
        <v>206</v>
      </c>
      <c r="T6" s="641"/>
      <c r="U6" s="638" t="s">
        <v>206</v>
      </c>
      <c r="V6" s="641"/>
      <c r="W6" s="638" t="s">
        <v>206</v>
      </c>
      <c r="X6" s="641"/>
      <c r="Y6" s="638" t="s">
        <v>206</v>
      </c>
      <c r="Z6" s="641"/>
      <c r="AA6" s="638" t="s">
        <v>206</v>
      </c>
      <c r="AB6" s="641"/>
      <c r="AC6" s="638" t="s">
        <v>206</v>
      </c>
      <c r="AD6" s="641"/>
      <c r="AE6" s="638" t="s">
        <v>206</v>
      </c>
      <c r="AF6" s="641"/>
      <c r="AG6" s="638" t="s">
        <v>206</v>
      </c>
      <c r="AH6" s="641"/>
      <c r="AI6" s="638" t="s">
        <v>206</v>
      </c>
      <c r="AJ6" s="640"/>
      <c r="AK6" s="439"/>
    </row>
    <row r="7" spans="1:37" s="375" customFormat="1" ht="7.5" customHeight="1" x14ac:dyDescent="0.15">
      <c r="A7" s="623"/>
      <c r="B7" s="387"/>
      <c r="C7" s="630"/>
      <c r="D7" s="631"/>
      <c r="E7" s="388"/>
      <c r="F7" s="389" t="s">
        <v>165</v>
      </c>
      <c r="G7" s="390"/>
      <c r="H7" s="391" t="s">
        <v>165</v>
      </c>
      <c r="I7" s="388"/>
      <c r="J7" s="391" t="s">
        <v>165</v>
      </c>
      <c r="K7" s="388"/>
      <c r="L7" s="391" t="s">
        <v>165</v>
      </c>
      <c r="M7" s="388"/>
      <c r="N7" s="391" t="s">
        <v>165</v>
      </c>
      <c r="O7" s="388"/>
      <c r="P7" s="391" t="s">
        <v>165</v>
      </c>
      <c r="Q7" s="388"/>
      <c r="R7" s="391" t="s">
        <v>165</v>
      </c>
      <c r="S7" s="388"/>
      <c r="T7" s="391" t="s">
        <v>165</v>
      </c>
      <c r="U7" s="388"/>
      <c r="V7" s="391" t="s">
        <v>165</v>
      </c>
      <c r="W7" s="388"/>
      <c r="X7" s="391" t="s">
        <v>165</v>
      </c>
      <c r="Y7" s="388"/>
      <c r="Z7" s="391" t="s">
        <v>165</v>
      </c>
      <c r="AA7" s="388"/>
      <c r="AB7" s="391" t="s">
        <v>165</v>
      </c>
      <c r="AC7" s="388"/>
      <c r="AD7" s="391" t="s">
        <v>165</v>
      </c>
      <c r="AE7" s="388"/>
      <c r="AF7" s="391" t="s">
        <v>165</v>
      </c>
      <c r="AG7" s="388"/>
      <c r="AH7" s="391" t="s">
        <v>165</v>
      </c>
      <c r="AI7" s="388"/>
      <c r="AJ7" s="392" t="s">
        <v>165</v>
      </c>
      <c r="AK7" s="440"/>
    </row>
    <row r="8" spans="1:37" s="375" customFormat="1" ht="11.25" customHeight="1" x14ac:dyDescent="0.15">
      <c r="A8" s="623"/>
      <c r="B8" s="643" t="s">
        <v>207</v>
      </c>
      <c r="C8" s="393"/>
      <c r="D8" s="441"/>
      <c r="E8" s="442"/>
      <c r="F8" s="443"/>
      <c r="G8" s="442"/>
      <c r="H8" s="442"/>
      <c r="I8" s="442"/>
      <c r="J8" s="442"/>
      <c r="K8" s="442"/>
      <c r="L8" s="442"/>
      <c r="M8" s="442"/>
      <c r="N8" s="442"/>
      <c r="O8" s="442"/>
      <c r="P8" s="442"/>
      <c r="Q8" s="442"/>
      <c r="R8" s="442"/>
      <c r="S8" s="442"/>
      <c r="T8" s="442"/>
      <c r="U8" s="442"/>
      <c r="V8" s="442"/>
      <c r="W8" s="442"/>
      <c r="X8" s="442"/>
      <c r="Y8" s="442"/>
      <c r="Z8" s="442"/>
      <c r="AA8" s="442"/>
      <c r="AB8" s="442"/>
      <c r="AC8" s="442"/>
      <c r="AD8" s="442"/>
      <c r="AE8" s="442"/>
      <c r="AF8" s="442"/>
      <c r="AG8" s="442"/>
      <c r="AH8" s="442"/>
      <c r="AI8" s="442"/>
      <c r="AJ8" s="442"/>
      <c r="AK8" s="442"/>
    </row>
    <row r="9" spans="1:37" s="375" customFormat="1" ht="13.5" customHeight="1" x14ac:dyDescent="0.15">
      <c r="A9" s="623"/>
      <c r="B9" s="644"/>
      <c r="C9" s="397" t="s">
        <v>227</v>
      </c>
      <c r="D9" s="398" t="s">
        <v>228</v>
      </c>
      <c r="E9" s="399">
        <v>100.2</v>
      </c>
      <c r="F9" s="400">
        <v>0.2</v>
      </c>
      <c r="G9" s="399">
        <v>105.5</v>
      </c>
      <c r="H9" s="399">
        <v>5.5</v>
      </c>
      <c r="I9" s="399">
        <v>101.7</v>
      </c>
      <c r="J9" s="399">
        <v>1.7</v>
      </c>
      <c r="K9" s="399">
        <v>101.1</v>
      </c>
      <c r="L9" s="399">
        <v>1.1000000000000001</v>
      </c>
      <c r="M9" s="399">
        <v>103</v>
      </c>
      <c r="N9" s="399">
        <v>3</v>
      </c>
      <c r="O9" s="399">
        <v>94.6</v>
      </c>
      <c r="P9" s="399">
        <v>-5.4</v>
      </c>
      <c r="Q9" s="399">
        <v>95.5</v>
      </c>
      <c r="R9" s="399">
        <v>-4.5</v>
      </c>
      <c r="S9" s="399">
        <v>98.1</v>
      </c>
      <c r="T9" s="399">
        <v>-1.9</v>
      </c>
      <c r="U9" s="399">
        <v>106.1</v>
      </c>
      <c r="V9" s="399">
        <v>6.1</v>
      </c>
      <c r="W9" s="399">
        <v>100.6</v>
      </c>
      <c r="X9" s="399">
        <v>0.6</v>
      </c>
      <c r="Y9" s="399">
        <v>108.7</v>
      </c>
      <c r="Z9" s="399">
        <v>8.6999999999999993</v>
      </c>
      <c r="AA9" s="399">
        <v>103.1</v>
      </c>
      <c r="AB9" s="399">
        <v>3.1</v>
      </c>
      <c r="AC9" s="399">
        <v>105</v>
      </c>
      <c r="AD9" s="399">
        <v>5</v>
      </c>
      <c r="AE9" s="399">
        <v>95.9</v>
      </c>
      <c r="AF9" s="399">
        <v>-4.0999999999999996</v>
      </c>
      <c r="AG9" s="399">
        <v>100.2</v>
      </c>
      <c r="AH9" s="399">
        <v>0.2</v>
      </c>
      <c r="AI9" s="399">
        <v>103.3</v>
      </c>
      <c r="AJ9" s="399">
        <v>3.3</v>
      </c>
      <c r="AK9" s="444"/>
    </row>
    <row r="10" spans="1:37" s="375" customFormat="1" ht="13.5" customHeight="1" x14ac:dyDescent="0.15">
      <c r="A10" s="623"/>
      <c r="B10" s="644"/>
      <c r="C10" s="397" t="s">
        <v>227</v>
      </c>
      <c r="D10" s="398" t="s">
        <v>229</v>
      </c>
      <c r="E10" s="401">
        <v>96.6</v>
      </c>
      <c r="F10" s="402">
        <v>-3.6</v>
      </c>
      <c r="G10" s="401">
        <v>108.1</v>
      </c>
      <c r="H10" s="401">
        <v>2.5</v>
      </c>
      <c r="I10" s="401">
        <v>97.8</v>
      </c>
      <c r="J10" s="401">
        <v>-3.8</v>
      </c>
      <c r="K10" s="401">
        <v>101.7</v>
      </c>
      <c r="L10" s="401">
        <v>0.6</v>
      </c>
      <c r="M10" s="401">
        <v>105.1</v>
      </c>
      <c r="N10" s="401">
        <v>2</v>
      </c>
      <c r="O10" s="401">
        <v>89.6</v>
      </c>
      <c r="P10" s="401">
        <v>-5.3</v>
      </c>
      <c r="Q10" s="401">
        <v>92.8</v>
      </c>
      <c r="R10" s="401">
        <v>-2.8</v>
      </c>
      <c r="S10" s="401">
        <v>95.8</v>
      </c>
      <c r="T10" s="401">
        <v>-2.2999999999999998</v>
      </c>
      <c r="U10" s="401">
        <v>104.7</v>
      </c>
      <c r="V10" s="401">
        <v>-1.3</v>
      </c>
      <c r="W10" s="401">
        <v>101.9</v>
      </c>
      <c r="X10" s="401">
        <v>1.3</v>
      </c>
      <c r="Y10" s="401">
        <v>120</v>
      </c>
      <c r="Z10" s="401">
        <v>10.4</v>
      </c>
      <c r="AA10" s="401">
        <v>96.4</v>
      </c>
      <c r="AB10" s="401">
        <v>-6.5</v>
      </c>
      <c r="AC10" s="401">
        <v>86.7</v>
      </c>
      <c r="AD10" s="401">
        <v>-17.399999999999999</v>
      </c>
      <c r="AE10" s="401">
        <v>98.7</v>
      </c>
      <c r="AF10" s="401">
        <v>2.9</v>
      </c>
      <c r="AG10" s="401">
        <v>94.2</v>
      </c>
      <c r="AH10" s="401">
        <v>-6</v>
      </c>
      <c r="AI10" s="401">
        <v>96.5</v>
      </c>
      <c r="AJ10" s="401">
        <v>-6.6</v>
      </c>
      <c r="AK10" s="444"/>
    </row>
    <row r="11" spans="1:37" s="375" customFormat="1" ht="13.5" customHeight="1" x14ac:dyDescent="0.15">
      <c r="A11" s="623"/>
      <c r="B11" s="644"/>
      <c r="C11" s="397" t="s">
        <v>227</v>
      </c>
      <c r="D11" s="398" t="s">
        <v>230</v>
      </c>
      <c r="E11" s="399">
        <v>96.1</v>
      </c>
      <c r="F11" s="400">
        <v>-0.5</v>
      </c>
      <c r="G11" s="399">
        <v>108.4</v>
      </c>
      <c r="H11" s="445">
        <v>0.3</v>
      </c>
      <c r="I11" s="445">
        <v>103</v>
      </c>
      <c r="J11" s="445">
        <v>5.3</v>
      </c>
      <c r="K11" s="445">
        <v>98.9</v>
      </c>
      <c r="L11" s="445">
        <v>-2.8</v>
      </c>
      <c r="M11" s="445">
        <v>103.3</v>
      </c>
      <c r="N11" s="445">
        <v>-1.7</v>
      </c>
      <c r="O11" s="445">
        <v>90.1</v>
      </c>
      <c r="P11" s="445">
        <v>0.6</v>
      </c>
      <c r="Q11" s="445">
        <v>95.5</v>
      </c>
      <c r="R11" s="445">
        <v>2.9</v>
      </c>
      <c r="S11" s="445">
        <v>91.5</v>
      </c>
      <c r="T11" s="445">
        <v>-4.5</v>
      </c>
      <c r="U11" s="445">
        <v>106.8</v>
      </c>
      <c r="V11" s="445">
        <v>2</v>
      </c>
      <c r="W11" s="445">
        <v>96.8</v>
      </c>
      <c r="X11" s="445">
        <v>-5</v>
      </c>
      <c r="Y11" s="445">
        <v>126.4</v>
      </c>
      <c r="Z11" s="445">
        <v>5.3</v>
      </c>
      <c r="AA11" s="445">
        <v>96.2</v>
      </c>
      <c r="AB11" s="445">
        <v>-0.2</v>
      </c>
      <c r="AC11" s="445">
        <v>84.2</v>
      </c>
      <c r="AD11" s="445">
        <v>-2.9</v>
      </c>
      <c r="AE11" s="445">
        <v>96</v>
      </c>
      <c r="AF11" s="445">
        <v>-2.7</v>
      </c>
      <c r="AG11" s="445">
        <v>90.9</v>
      </c>
      <c r="AH11" s="445">
        <v>-3.5</v>
      </c>
      <c r="AI11" s="445">
        <v>91.2</v>
      </c>
      <c r="AJ11" s="445">
        <v>-5.5</v>
      </c>
      <c r="AK11" s="444"/>
    </row>
    <row r="12" spans="1:37" s="375" customFormat="1" ht="13.5" customHeight="1" x14ac:dyDescent="0.15">
      <c r="A12" s="623"/>
      <c r="B12" s="644"/>
      <c r="C12" s="397" t="s">
        <v>227</v>
      </c>
      <c r="D12" s="398" t="s">
        <v>231</v>
      </c>
      <c r="E12" s="401">
        <v>95.3</v>
      </c>
      <c r="F12" s="402">
        <v>-2.2000000000000002</v>
      </c>
      <c r="G12" s="401">
        <v>113.7</v>
      </c>
      <c r="H12" s="401">
        <v>4.5999999999999996</v>
      </c>
      <c r="I12" s="401">
        <v>100.3</v>
      </c>
      <c r="J12" s="401">
        <v>-3</v>
      </c>
      <c r="K12" s="401">
        <v>108.3</v>
      </c>
      <c r="L12" s="401">
        <v>9.1999999999999993</v>
      </c>
      <c r="M12" s="401">
        <v>100.6</v>
      </c>
      <c r="N12" s="401">
        <v>-2.9</v>
      </c>
      <c r="O12" s="401">
        <v>88.2</v>
      </c>
      <c r="P12" s="401">
        <v>-1.6</v>
      </c>
      <c r="Q12" s="401">
        <v>84.9</v>
      </c>
      <c r="R12" s="401">
        <v>-10.5</v>
      </c>
      <c r="S12" s="401">
        <v>91.1</v>
      </c>
      <c r="T12" s="401">
        <v>-0.7</v>
      </c>
      <c r="U12" s="401">
        <v>95.6</v>
      </c>
      <c r="V12" s="401">
        <v>-8.8000000000000007</v>
      </c>
      <c r="W12" s="401">
        <v>99.8</v>
      </c>
      <c r="X12" s="401">
        <v>0.6</v>
      </c>
      <c r="Y12" s="401">
        <v>104.8</v>
      </c>
      <c r="Z12" s="401">
        <v>-14.9</v>
      </c>
      <c r="AA12" s="401">
        <v>94.8</v>
      </c>
      <c r="AB12" s="401">
        <v>-0.7</v>
      </c>
      <c r="AC12" s="401">
        <v>85.8</v>
      </c>
      <c r="AD12" s="401">
        <v>-4.2</v>
      </c>
      <c r="AE12" s="401">
        <v>100</v>
      </c>
      <c r="AF12" s="401">
        <v>4.3</v>
      </c>
      <c r="AG12" s="401">
        <v>93.7</v>
      </c>
      <c r="AH12" s="401">
        <v>3.9</v>
      </c>
      <c r="AI12" s="401">
        <v>96.6</v>
      </c>
      <c r="AJ12" s="401">
        <v>5.7</v>
      </c>
      <c r="AK12" s="444"/>
    </row>
    <row r="13" spans="1:37" s="375" customFormat="1" ht="13.5" customHeight="1" x14ac:dyDescent="0.15">
      <c r="A13" s="623"/>
      <c r="B13" s="644"/>
      <c r="C13" s="397"/>
      <c r="D13" s="398"/>
      <c r="E13" s="401"/>
      <c r="F13" s="402"/>
      <c r="G13" s="401"/>
      <c r="H13" s="401"/>
      <c r="I13" s="401"/>
      <c r="J13" s="401"/>
      <c r="K13" s="401"/>
      <c r="L13" s="401"/>
      <c r="M13" s="401"/>
      <c r="N13" s="401"/>
      <c r="O13" s="401"/>
      <c r="P13" s="401"/>
      <c r="Q13" s="401"/>
      <c r="R13" s="401"/>
      <c r="S13" s="401"/>
      <c r="T13" s="401"/>
      <c r="U13" s="401"/>
      <c r="V13" s="401"/>
      <c r="W13" s="401"/>
      <c r="X13" s="401"/>
      <c r="Y13" s="401"/>
      <c r="Z13" s="401"/>
      <c r="AA13" s="401"/>
      <c r="AB13" s="401"/>
      <c r="AC13" s="401"/>
      <c r="AD13" s="401"/>
      <c r="AE13" s="401"/>
      <c r="AF13" s="401"/>
      <c r="AG13" s="401"/>
      <c r="AH13" s="401"/>
      <c r="AI13" s="401"/>
      <c r="AJ13" s="401"/>
      <c r="AK13" s="444"/>
    </row>
    <row r="14" spans="1:37" s="375" customFormat="1" ht="15" customHeight="1" x14ac:dyDescent="0.15">
      <c r="A14" s="623"/>
      <c r="B14" s="644"/>
      <c r="C14" s="397" t="s">
        <v>208</v>
      </c>
      <c r="D14" s="398" t="s">
        <v>232</v>
      </c>
      <c r="E14" s="399">
        <v>94.6</v>
      </c>
      <c r="F14" s="400">
        <v>-1.8</v>
      </c>
      <c r="G14" s="399">
        <v>114.2</v>
      </c>
      <c r="H14" s="399">
        <v>3.3</v>
      </c>
      <c r="I14" s="399">
        <v>100.7</v>
      </c>
      <c r="J14" s="399">
        <v>-3.7</v>
      </c>
      <c r="K14" s="399">
        <v>106.8</v>
      </c>
      <c r="L14" s="399">
        <v>6.9</v>
      </c>
      <c r="M14" s="399">
        <v>99.4</v>
      </c>
      <c r="N14" s="399">
        <v>-1.3</v>
      </c>
      <c r="O14" s="399">
        <v>89.5</v>
      </c>
      <c r="P14" s="399">
        <v>-0.9</v>
      </c>
      <c r="Q14" s="399">
        <v>82.3</v>
      </c>
      <c r="R14" s="399">
        <v>-12.4</v>
      </c>
      <c r="S14" s="399">
        <v>92.4</v>
      </c>
      <c r="T14" s="399">
        <v>0.8</v>
      </c>
      <c r="U14" s="399">
        <v>93.2</v>
      </c>
      <c r="V14" s="399">
        <v>-10.9</v>
      </c>
      <c r="W14" s="399">
        <v>100.3</v>
      </c>
      <c r="X14" s="399">
        <v>0.7</v>
      </c>
      <c r="Y14" s="399">
        <v>97.7</v>
      </c>
      <c r="Z14" s="399">
        <v>-7.9</v>
      </c>
      <c r="AA14" s="399">
        <v>95.5</v>
      </c>
      <c r="AB14" s="399">
        <v>1.1000000000000001</v>
      </c>
      <c r="AC14" s="399">
        <v>86.4</v>
      </c>
      <c r="AD14" s="399">
        <v>-0.3</v>
      </c>
      <c r="AE14" s="399">
        <v>100.3</v>
      </c>
      <c r="AF14" s="399">
        <v>4.8</v>
      </c>
      <c r="AG14" s="399">
        <v>93.3</v>
      </c>
      <c r="AH14" s="399">
        <v>4.4000000000000004</v>
      </c>
      <c r="AI14" s="399">
        <v>94.8</v>
      </c>
      <c r="AJ14" s="399">
        <v>4.2</v>
      </c>
      <c r="AK14" s="444"/>
    </row>
    <row r="15" spans="1:37" s="375" customFormat="1" ht="15" customHeight="1" x14ac:dyDescent="0.15">
      <c r="A15" s="623"/>
      <c r="B15" s="644"/>
      <c r="C15" s="397" t="s">
        <v>0</v>
      </c>
      <c r="D15" s="398" t="s">
        <v>233</v>
      </c>
      <c r="E15" s="401">
        <v>94.1</v>
      </c>
      <c r="F15" s="402">
        <v>-3.4</v>
      </c>
      <c r="G15" s="401">
        <v>111.6</v>
      </c>
      <c r="H15" s="401">
        <v>2</v>
      </c>
      <c r="I15" s="401">
        <v>99.4</v>
      </c>
      <c r="J15" s="401">
        <v>-5.6</v>
      </c>
      <c r="K15" s="401">
        <v>105.3</v>
      </c>
      <c r="L15" s="401">
        <v>8.1999999999999993</v>
      </c>
      <c r="M15" s="401">
        <v>99.2</v>
      </c>
      <c r="N15" s="401">
        <v>-2.7</v>
      </c>
      <c r="O15" s="401">
        <v>87.4</v>
      </c>
      <c r="P15" s="401">
        <v>-4.5999999999999996</v>
      </c>
      <c r="Q15" s="401">
        <v>82.6</v>
      </c>
      <c r="R15" s="401">
        <v>-13.9</v>
      </c>
      <c r="S15" s="401">
        <v>91.8</v>
      </c>
      <c r="T15" s="401">
        <v>0.8</v>
      </c>
      <c r="U15" s="401">
        <v>95.1</v>
      </c>
      <c r="V15" s="401">
        <v>-9</v>
      </c>
      <c r="W15" s="401">
        <v>100.7</v>
      </c>
      <c r="X15" s="401">
        <v>1.2</v>
      </c>
      <c r="Y15" s="401">
        <v>100.9</v>
      </c>
      <c r="Z15" s="401">
        <v>-21.5</v>
      </c>
      <c r="AA15" s="401">
        <v>96.1</v>
      </c>
      <c r="AB15" s="401">
        <v>-1.1000000000000001</v>
      </c>
      <c r="AC15" s="401">
        <v>86.3</v>
      </c>
      <c r="AD15" s="401">
        <v>1.1000000000000001</v>
      </c>
      <c r="AE15" s="401">
        <v>98.9</v>
      </c>
      <c r="AF15" s="401">
        <v>2.2999999999999998</v>
      </c>
      <c r="AG15" s="401">
        <v>91.9</v>
      </c>
      <c r="AH15" s="401">
        <v>2.7</v>
      </c>
      <c r="AI15" s="401">
        <v>95.5</v>
      </c>
      <c r="AJ15" s="401">
        <v>6.1</v>
      </c>
      <c r="AK15" s="444"/>
    </row>
    <row r="16" spans="1:37" s="375" customFormat="1" ht="15" customHeight="1" x14ac:dyDescent="0.15">
      <c r="A16" s="623"/>
      <c r="B16" s="644"/>
      <c r="C16" s="397" t="s">
        <v>234</v>
      </c>
      <c r="D16" s="398" t="s">
        <v>235</v>
      </c>
      <c r="E16" s="399">
        <v>91.9</v>
      </c>
      <c r="F16" s="400">
        <v>-2.8</v>
      </c>
      <c r="G16" s="399">
        <v>97.7</v>
      </c>
      <c r="H16" s="399">
        <v>-14.8</v>
      </c>
      <c r="I16" s="399">
        <v>97.5</v>
      </c>
      <c r="J16" s="399">
        <v>-2.2000000000000002</v>
      </c>
      <c r="K16" s="399">
        <v>92.3</v>
      </c>
      <c r="L16" s="399">
        <v>-13.4</v>
      </c>
      <c r="M16" s="399">
        <v>104</v>
      </c>
      <c r="N16" s="399">
        <v>2.2000000000000002</v>
      </c>
      <c r="O16" s="399">
        <v>88.3</v>
      </c>
      <c r="P16" s="399">
        <v>4.5</v>
      </c>
      <c r="Q16" s="399">
        <v>81.599999999999994</v>
      </c>
      <c r="R16" s="399">
        <v>-3.9</v>
      </c>
      <c r="S16" s="399">
        <v>99.6</v>
      </c>
      <c r="T16" s="399">
        <v>13.7</v>
      </c>
      <c r="U16" s="399">
        <v>94.9</v>
      </c>
      <c r="V16" s="399">
        <v>1.9</v>
      </c>
      <c r="W16" s="399">
        <v>92.2</v>
      </c>
      <c r="X16" s="399">
        <v>-5.6</v>
      </c>
      <c r="Y16" s="399">
        <v>102.5</v>
      </c>
      <c r="Z16" s="399">
        <v>-6.3</v>
      </c>
      <c r="AA16" s="399">
        <v>90.1</v>
      </c>
      <c r="AB16" s="399">
        <v>-7.1</v>
      </c>
      <c r="AC16" s="399">
        <v>91.4</v>
      </c>
      <c r="AD16" s="399">
        <v>5.8</v>
      </c>
      <c r="AE16" s="399">
        <v>92.6</v>
      </c>
      <c r="AF16" s="399">
        <v>-6.9</v>
      </c>
      <c r="AG16" s="399">
        <v>93.7</v>
      </c>
      <c r="AH16" s="399">
        <v>-6.3</v>
      </c>
      <c r="AI16" s="399">
        <v>97.6</v>
      </c>
      <c r="AJ16" s="399">
        <v>4.0999999999999996</v>
      </c>
      <c r="AK16" s="444"/>
    </row>
    <row r="17" spans="1:37" s="375" customFormat="1" ht="15" customHeight="1" x14ac:dyDescent="0.15">
      <c r="A17" s="623"/>
      <c r="B17" s="644"/>
      <c r="C17" s="397" t="s">
        <v>0</v>
      </c>
      <c r="D17" s="398" t="s">
        <v>236</v>
      </c>
      <c r="E17" s="401">
        <v>91.5</v>
      </c>
      <c r="F17" s="402">
        <v>-3.5</v>
      </c>
      <c r="G17" s="401">
        <v>99.2</v>
      </c>
      <c r="H17" s="401">
        <v>-15</v>
      </c>
      <c r="I17" s="401">
        <v>98.5</v>
      </c>
      <c r="J17" s="401">
        <v>-0.7</v>
      </c>
      <c r="K17" s="401">
        <v>93.3</v>
      </c>
      <c r="L17" s="401">
        <v>-13.4</v>
      </c>
      <c r="M17" s="401">
        <v>101.4</v>
      </c>
      <c r="N17" s="401">
        <v>2.7</v>
      </c>
      <c r="O17" s="401">
        <v>86</v>
      </c>
      <c r="P17" s="401">
        <v>2</v>
      </c>
      <c r="Q17" s="401">
        <v>78.400000000000006</v>
      </c>
      <c r="R17" s="401">
        <v>-6.9</v>
      </c>
      <c r="S17" s="401">
        <v>98</v>
      </c>
      <c r="T17" s="401">
        <v>13.3</v>
      </c>
      <c r="U17" s="401">
        <v>94.6</v>
      </c>
      <c r="V17" s="401">
        <v>1.9</v>
      </c>
      <c r="W17" s="401">
        <v>93.9</v>
      </c>
      <c r="X17" s="401">
        <v>-5.6</v>
      </c>
      <c r="Y17" s="401">
        <v>100.3</v>
      </c>
      <c r="Z17" s="401">
        <v>-15.6</v>
      </c>
      <c r="AA17" s="401">
        <v>87.1</v>
      </c>
      <c r="AB17" s="401">
        <v>-6.2</v>
      </c>
      <c r="AC17" s="401">
        <v>92.7</v>
      </c>
      <c r="AD17" s="401">
        <v>8.9</v>
      </c>
      <c r="AE17" s="401">
        <v>93.3</v>
      </c>
      <c r="AF17" s="401">
        <v>-5.8</v>
      </c>
      <c r="AG17" s="401">
        <v>93.2</v>
      </c>
      <c r="AH17" s="401">
        <v>0</v>
      </c>
      <c r="AI17" s="401">
        <v>96.5</v>
      </c>
      <c r="AJ17" s="401">
        <v>-1.1000000000000001</v>
      </c>
      <c r="AK17" s="444"/>
    </row>
    <row r="18" spans="1:37" s="375" customFormat="1" ht="15" customHeight="1" x14ac:dyDescent="0.15">
      <c r="A18" s="623"/>
      <c r="B18" s="644"/>
      <c r="C18" s="397" t="s">
        <v>0</v>
      </c>
      <c r="D18" s="398" t="s">
        <v>237</v>
      </c>
      <c r="E18" s="399">
        <v>92.7</v>
      </c>
      <c r="F18" s="400">
        <v>-2.4</v>
      </c>
      <c r="G18" s="399">
        <v>100</v>
      </c>
      <c r="H18" s="399">
        <v>-12.9</v>
      </c>
      <c r="I18" s="399">
        <v>98.1</v>
      </c>
      <c r="J18" s="399">
        <v>-2.2000000000000002</v>
      </c>
      <c r="K18" s="399">
        <v>101.9</v>
      </c>
      <c r="L18" s="399">
        <v>-7.2</v>
      </c>
      <c r="M18" s="399">
        <v>101.9</v>
      </c>
      <c r="N18" s="399">
        <v>2</v>
      </c>
      <c r="O18" s="399">
        <v>87.1</v>
      </c>
      <c r="P18" s="399">
        <v>-1.4</v>
      </c>
      <c r="Q18" s="399">
        <v>80.400000000000006</v>
      </c>
      <c r="R18" s="399">
        <v>-5.3</v>
      </c>
      <c r="S18" s="399">
        <v>99.9</v>
      </c>
      <c r="T18" s="399">
        <v>16.7</v>
      </c>
      <c r="U18" s="399">
        <v>94.4</v>
      </c>
      <c r="V18" s="399">
        <v>-1.5</v>
      </c>
      <c r="W18" s="399">
        <v>94.5</v>
      </c>
      <c r="X18" s="399">
        <v>-5.2</v>
      </c>
      <c r="Y18" s="399">
        <v>105.6</v>
      </c>
      <c r="Z18" s="399">
        <v>0</v>
      </c>
      <c r="AA18" s="399">
        <v>92.1</v>
      </c>
      <c r="AB18" s="399">
        <v>-0.8</v>
      </c>
      <c r="AC18" s="399">
        <v>93.4</v>
      </c>
      <c r="AD18" s="399">
        <v>13.6</v>
      </c>
      <c r="AE18" s="399">
        <v>94.4</v>
      </c>
      <c r="AF18" s="399">
        <v>-6.3</v>
      </c>
      <c r="AG18" s="399">
        <v>91.6</v>
      </c>
      <c r="AH18" s="399">
        <v>1.6</v>
      </c>
      <c r="AI18" s="399">
        <v>98.8</v>
      </c>
      <c r="AJ18" s="399">
        <v>1.6</v>
      </c>
      <c r="AK18" s="444"/>
    </row>
    <row r="19" spans="1:37" s="375" customFormat="1" ht="15" customHeight="1" x14ac:dyDescent="0.15">
      <c r="A19" s="623"/>
      <c r="B19" s="644"/>
      <c r="C19" s="397" t="s">
        <v>0</v>
      </c>
      <c r="D19" s="398" t="s">
        <v>238</v>
      </c>
      <c r="E19" s="401">
        <v>94.2</v>
      </c>
      <c r="F19" s="402">
        <v>-2.6</v>
      </c>
      <c r="G19" s="401">
        <v>101.3</v>
      </c>
      <c r="H19" s="401">
        <v>-13.5</v>
      </c>
      <c r="I19" s="401">
        <v>100.3</v>
      </c>
      <c r="J19" s="401">
        <v>-0.2</v>
      </c>
      <c r="K19" s="401">
        <v>89.7</v>
      </c>
      <c r="L19" s="401">
        <v>-18.399999999999999</v>
      </c>
      <c r="M19" s="401">
        <v>103.6</v>
      </c>
      <c r="N19" s="401">
        <v>1.2</v>
      </c>
      <c r="O19" s="401">
        <v>88.3</v>
      </c>
      <c r="P19" s="401">
        <v>-0.3</v>
      </c>
      <c r="Q19" s="401">
        <v>80.8</v>
      </c>
      <c r="R19" s="401">
        <v>-6.2</v>
      </c>
      <c r="S19" s="401">
        <v>100.3</v>
      </c>
      <c r="T19" s="401">
        <v>9.9</v>
      </c>
      <c r="U19" s="401">
        <v>100.3</v>
      </c>
      <c r="V19" s="401">
        <v>0.7</v>
      </c>
      <c r="W19" s="401">
        <v>95.9</v>
      </c>
      <c r="X19" s="401">
        <v>-4.2</v>
      </c>
      <c r="Y19" s="401">
        <v>105.2</v>
      </c>
      <c r="Z19" s="401">
        <v>-11</v>
      </c>
      <c r="AA19" s="401">
        <v>92.3</v>
      </c>
      <c r="AB19" s="401">
        <v>-4.4000000000000004</v>
      </c>
      <c r="AC19" s="401">
        <v>96</v>
      </c>
      <c r="AD19" s="401">
        <v>12.7</v>
      </c>
      <c r="AE19" s="401">
        <v>97.4</v>
      </c>
      <c r="AF19" s="401">
        <v>-4.4000000000000004</v>
      </c>
      <c r="AG19" s="401">
        <v>93</v>
      </c>
      <c r="AH19" s="401">
        <v>-0.4</v>
      </c>
      <c r="AI19" s="401">
        <v>98.8</v>
      </c>
      <c r="AJ19" s="401">
        <v>2.5</v>
      </c>
      <c r="AK19" s="444"/>
    </row>
    <row r="20" spans="1:37" s="375" customFormat="1" ht="15" customHeight="1" x14ac:dyDescent="0.15">
      <c r="A20" s="623"/>
      <c r="B20" s="644"/>
      <c r="C20" s="397" t="s">
        <v>0</v>
      </c>
      <c r="D20" s="398" t="s">
        <v>239</v>
      </c>
      <c r="E20" s="399">
        <v>93.4</v>
      </c>
      <c r="F20" s="400">
        <v>-2.4</v>
      </c>
      <c r="G20" s="399">
        <v>99.7</v>
      </c>
      <c r="H20" s="399">
        <v>-13.8</v>
      </c>
      <c r="I20" s="399">
        <v>98.6</v>
      </c>
      <c r="J20" s="399">
        <v>-1.1000000000000001</v>
      </c>
      <c r="K20" s="399">
        <v>95.3</v>
      </c>
      <c r="L20" s="399">
        <v>-12.8</v>
      </c>
      <c r="M20" s="399">
        <v>100.9</v>
      </c>
      <c r="N20" s="399">
        <v>-2.6</v>
      </c>
      <c r="O20" s="399">
        <v>87.7</v>
      </c>
      <c r="P20" s="399">
        <v>-0.9</v>
      </c>
      <c r="Q20" s="399">
        <v>82.4</v>
      </c>
      <c r="R20" s="399">
        <v>-2.6</v>
      </c>
      <c r="S20" s="399">
        <v>104.2</v>
      </c>
      <c r="T20" s="399">
        <v>14.8</v>
      </c>
      <c r="U20" s="399">
        <v>96</v>
      </c>
      <c r="V20" s="399">
        <v>1.2</v>
      </c>
      <c r="W20" s="399">
        <v>93.7</v>
      </c>
      <c r="X20" s="399">
        <v>-5.4</v>
      </c>
      <c r="Y20" s="399">
        <v>106.3</v>
      </c>
      <c r="Z20" s="399">
        <v>3.6</v>
      </c>
      <c r="AA20" s="399">
        <v>95.4</v>
      </c>
      <c r="AB20" s="399">
        <v>2</v>
      </c>
      <c r="AC20" s="399">
        <v>92.2</v>
      </c>
      <c r="AD20" s="399">
        <v>5.4</v>
      </c>
      <c r="AE20" s="399">
        <v>95.7</v>
      </c>
      <c r="AF20" s="399">
        <v>-5.2</v>
      </c>
      <c r="AG20" s="399">
        <v>94</v>
      </c>
      <c r="AH20" s="399">
        <v>-0.9</v>
      </c>
      <c r="AI20" s="399">
        <v>98.2</v>
      </c>
      <c r="AJ20" s="399">
        <v>1.9</v>
      </c>
      <c r="AK20" s="444"/>
    </row>
    <row r="21" spans="1:37" s="375" customFormat="1" ht="15" customHeight="1" x14ac:dyDescent="0.15">
      <c r="A21" s="623"/>
      <c r="B21" s="644"/>
      <c r="C21" s="397" t="s">
        <v>0</v>
      </c>
      <c r="D21" s="398" t="s">
        <v>240</v>
      </c>
      <c r="E21" s="401">
        <v>94.5</v>
      </c>
      <c r="F21" s="402">
        <v>-2.1</v>
      </c>
      <c r="G21" s="401">
        <v>100.5</v>
      </c>
      <c r="H21" s="401">
        <v>-13.6</v>
      </c>
      <c r="I21" s="401">
        <v>100.6</v>
      </c>
      <c r="J21" s="401">
        <v>-0.2</v>
      </c>
      <c r="K21" s="401">
        <v>106.7</v>
      </c>
      <c r="L21" s="401">
        <v>-2.6</v>
      </c>
      <c r="M21" s="401">
        <v>103.2</v>
      </c>
      <c r="N21" s="401">
        <v>1.8</v>
      </c>
      <c r="O21" s="401">
        <v>89.6</v>
      </c>
      <c r="P21" s="401">
        <v>-0.3</v>
      </c>
      <c r="Q21" s="401">
        <v>84</v>
      </c>
      <c r="R21" s="401">
        <v>-1.4</v>
      </c>
      <c r="S21" s="401">
        <v>100.8</v>
      </c>
      <c r="T21" s="401">
        <v>10.8</v>
      </c>
      <c r="U21" s="401">
        <v>98</v>
      </c>
      <c r="V21" s="401">
        <v>5.8</v>
      </c>
      <c r="W21" s="401">
        <v>95.1</v>
      </c>
      <c r="X21" s="401">
        <v>-4.4000000000000004</v>
      </c>
      <c r="Y21" s="401">
        <v>101.3</v>
      </c>
      <c r="Z21" s="401">
        <v>-3</v>
      </c>
      <c r="AA21" s="401">
        <v>103.9</v>
      </c>
      <c r="AB21" s="401">
        <v>11.4</v>
      </c>
      <c r="AC21" s="401">
        <v>92.1</v>
      </c>
      <c r="AD21" s="401">
        <v>6</v>
      </c>
      <c r="AE21" s="401">
        <v>96.3</v>
      </c>
      <c r="AF21" s="401">
        <v>-8</v>
      </c>
      <c r="AG21" s="401">
        <v>93.3</v>
      </c>
      <c r="AH21" s="401">
        <v>-1.7</v>
      </c>
      <c r="AI21" s="401">
        <v>98.1</v>
      </c>
      <c r="AJ21" s="401">
        <v>0.9</v>
      </c>
      <c r="AK21" s="444"/>
    </row>
    <row r="22" spans="1:37" s="375" customFormat="1" ht="15" customHeight="1" x14ac:dyDescent="0.15">
      <c r="A22" s="623"/>
      <c r="B22" s="644"/>
      <c r="C22" s="397" t="s">
        <v>0</v>
      </c>
      <c r="D22" s="398" t="s">
        <v>241</v>
      </c>
      <c r="E22" s="399">
        <v>94.7</v>
      </c>
      <c r="F22" s="400">
        <v>-0.9</v>
      </c>
      <c r="G22" s="399">
        <v>98.4</v>
      </c>
      <c r="H22" s="399">
        <v>-9.8000000000000007</v>
      </c>
      <c r="I22" s="399">
        <v>100.8</v>
      </c>
      <c r="J22" s="399">
        <v>-0.6</v>
      </c>
      <c r="K22" s="399">
        <v>98.3</v>
      </c>
      <c r="L22" s="399">
        <v>-8</v>
      </c>
      <c r="M22" s="399">
        <v>99.7</v>
      </c>
      <c r="N22" s="399">
        <v>-0.2</v>
      </c>
      <c r="O22" s="399">
        <v>87.5</v>
      </c>
      <c r="P22" s="399">
        <v>-1.6</v>
      </c>
      <c r="Q22" s="399">
        <v>83.5</v>
      </c>
      <c r="R22" s="399">
        <v>-2.5</v>
      </c>
      <c r="S22" s="399">
        <v>104.1</v>
      </c>
      <c r="T22" s="399">
        <v>9.1999999999999993</v>
      </c>
      <c r="U22" s="399">
        <v>100.9</v>
      </c>
      <c r="V22" s="399">
        <v>6.1</v>
      </c>
      <c r="W22" s="399">
        <v>97.3</v>
      </c>
      <c r="X22" s="399">
        <v>-3.4</v>
      </c>
      <c r="Y22" s="399">
        <v>104.8</v>
      </c>
      <c r="Z22" s="399">
        <v>1.1000000000000001</v>
      </c>
      <c r="AA22" s="399">
        <v>108.3</v>
      </c>
      <c r="AB22" s="399">
        <v>14.6</v>
      </c>
      <c r="AC22" s="399">
        <v>94.6</v>
      </c>
      <c r="AD22" s="399">
        <v>8.4</v>
      </c>
      <c r="AE22" s="399">
        <v>95.5</v>
      </c>
      <c r="AF22" s="399">
        <v>-5</v>
      </c>
      <c r="AG22" s="399">
        <v>93</v>
      </c>
      <c r="AH22" s="399">
        <v>-1.3</v>
      </c>
      <c r="AI22" s="399">
        <v>100.8</v>
      </c>
      <c r="AJ22" s="399">
        <v>2.8</v>
      </c>
      <c r="AK22" s="444"/>
    </row>
    <row r="23" spans="1:37" s="375" customFormat="1" ht="15" customHeight="1" x14ac:dyDescent="0.15">
      <c r="A23" s="623"/>
      <c r="B23" s="644"/>
      <c r="C23" s="397" t="s">
        <v>0</v>
      </c>
      <c r="D23" s="398" t="s">
        <v>242</v>
      </c>
      <c r="E23" s="401">
        <v>93.7</v>
      </c>
      <c r="F23" s="402">
        <v>-1.5</v>
      </c>
      <c r="G23" s="401">
        <v>97.6</v>
      </c>
      <c r="H23" s="401">
        <v>-8.8000000000000007</v>
      </c>
      <c r="I23" s="401">
        <v>99.8</v>
      </c>
      <c r="J23" s="401">
        <v>-0.6</v>
      </c>
      <c r="K23" s="401">
        <v>110.1</v>
      </c>
      <c r="L23" s="401">
        <v>1</v>
      </c>
      <c r="M23" s="401">
        <v>103.2</v>
      </c>
      <c r="N23" s="401">
        <v>1.7</v>
      </c>
      <c r="O23" s="401">
        <v>84.9</v>
      </c>
      <c r="P23" s="401">
        <v>-4.7</v>
      </c>
      <c r="Q23" s="401">
        <v>82.4</v>
      </c>
      <c r="R23" s="401">
        <v>-4.4000000000000004</v>
      </c>
      <c r="S23" s="401">
        <v>99.3</v>
      </c>
      <c r="T23" s="401">
        <v>6.7</v>
      </c>
      <c r="U23" s="401">
        <v>95.4</v>
      </c>
      <c r="V23" s="401">
        <v>-0.8</v>
      </c>
      <c r="W23" s="401">
        <v>96.4</v>
      </c>
      <c r="X23" s="401">
        <v>-3</v>
      </c>
      <c r="Y23" s="401">
        <v>106.6</v>
      </c>
      <c r="Z23" s="401">
        <v>6.2</v>
      </c>
      <c r="AA23" s="401">
        <v>112.8</v>
      </c>
      <c r="AB23" s="401">
        <v>19.100000000000001</v>
      </c>
      <c r="AC23" s="401">
        <v>91.9</v>
      </c>
      <c r="AD23" s="401">
        <v>9.5</v>
      </c>
      <c r="AE23" s="401">
        <v>94.4</v>
      </c>
      <c r="AF23" s="401">
        <v>-6.4</v>
      </c>
      <c r="AG23" s="401">
        <v>93.1</v>
      </c>
      <c r="AH23" s="401">
        <v>0.6</v>
      </c>
      <c r="AI23" s="401">
        <v>100.2</v>
      </c>
      <c r="AJ23" s="401">
        <v>3.9</v>
      </c>
      <c r="AK23" s="444"/>
    </row>
    <row r="24" spans="1:37" s="375" customFormat="1" ht="15" customHeight="1" x14ac:dyDescent="0.15">
      <c r="A24" s="623"/>
      <c r="B24" s="644"/>
      <c r="C24" s="397" t="s">
        <v>0</v>
      </c>
      <c r="D24" s="398" t="s">
        <v>243</v>
      </c>
      <c r="E24" s="399">
        <v>94.2</v>
      </c>
      <c r="F24" s="400">
        <v>-1.6</v>
      </c>
      <c r="G24" s="399">
        <v>99.7</v>
      </c>
      <c r="H24" s="399">
        <v>-12.6</v>
      </c>
      <c r="I24" s="399">
        <v>100.1</v>
      </c>
      <c r="J24" s="399">
        <v>-0.9</v>
      </c>
      <c r="K24" s="399">
        <v>95.5</v>
      </c>
      <c r="L24" s="399">
        <v>-13.1</v>
      </c>
      <c r="M24" s="399">
        <v>101.7</v>
      </c>
      <c r="N24" s="399">
        <v>1.9</v>
      </c>
      <c r="O24" s="399">
        <v>87.6</v>
      </c>
      <c r="P24" s="399">
        <v>-1.7</v>
      </c>
      <c r="Q24" s="399">
        <v>84</v>
      </c>
      <c r="R24" s="399">
        <v>-2.6</v>
      </c>
      <c r="S24" s="399">
        <v>101.5</v>
      </c>
      <c r="T24" s="399">
        <v>9.4</v>
      </c>
      <c r="U24" s="399">
        <v>93.5</v>
      </c>
      <c r="V24" s="399">
        <v>-8.6</v>
      </c>
      <c r="W24" s="399">
        <v>97.5</v>
      </c>
      <c r="X24" s="399">
        <v>-3.4</v>
      </c>
      <c r="Y24" s="399">
        <v>104</v>
      </c>
      <c r="Z24" s="399">
        <v>5.6</v>
      </c>
      <c r="AA24" s="399">
        <v>112.6</v>
      </c>
      <c r="AB24" s="399">
        <v>17.899999999999999</v>
      </c>
      <c r="AC24" s="399">
        <v>92.7</v>
      </c>
      <c r="AD24" s="399">
        <v>9.1</v>
      </c>
      <c r="AE24" s="399">
        <v>94.5</v>
      </c>
      <c r="AF24" s="399">
        <v>-4.4000000000000004</v>
      </c>
      <c r="AG24" s="399">
        <v>91.7</v>
      </c>
      <c r="AH24" s="399">
        <v>-5.2</v>
      </c>
      <c r="AI24" s="399">
        <v>99.4</v>
      </c>
      <c r="AJ24" s="399">
        <v>1.1000000000000001</v>
      </c>
      <c r="AK24" s="444"/>
    </row>
    <row r="25" spans="1:37" s="375" customFormat="1" ht="15" customHeight="1" x14ac:dyDescent="0.15">
      <c r="A25" s="623"/>
      <c r="B25" s="644"/>
      <c r="C25" s="397" t="s">
        <v>0</v>
      </c>
      <c r="D25" s="398" t="s">
        <v>244</v>
      </c>
      <c r="E25" s="401">
        <v>95.8</v>
      </c>
      <c r="F25" s="402">
        <v>0.9</v>
      </c>
      <c r="G25" s="401">
        <v>100.9</v>
      </c>
      <c r="H25" s="401">
        <v>-11.1</v>
      </c>
      <c r="I25" s="401">
        <v>101.2</v>
      </c>
      <c r="J25" s="401">
        <v>0.3</v>
      </c>
      <c r="K25" s="401">
        <v>112.4</v>
      </c>
      <c r="L25" s="401">
        <v>2.7</v>
      </c>
      <c r="M25" s="401">
        <v>102.7</v>
      </c>
      <c r="N25" s="401">
        <v>2.6</v>
      </c>
      <c r="O25" s="401">
        <v>88.9</v>
      </c>
      <c r="P25" s="401">
        <v>-2</v>
      </c>
      <c r="Q25" s="401">
        <v>85.9</v>
      </c>
      <c r="R25" s="401">
        <v>0</v>
      </c>
      <c r="S25" s="401">
        <v>104.3</v>
      </c>
      <c r="T25" s="401">
        <v>9.9</v>
      </c>
      <c r="U25" s="401">
        <v>99.8</v>
      </c>
      <c r="V25" s="401">
        <v>2.7</v>
      </c>
      <c r="W25" s="401">
        <v>97.6</v>
      </c>
      <c r="X25" s="401">
        <v>-3.2</v>
      </c>
      <c r="Y25" s="401">
        <v>105.9</v>
      </c>
      <c r="Z25" s="401">
        <v>7.3</v>
      </c>
      <c r="AA25" s="401">
        <v>110</v>
      </c>
      <c r="AB25" s="401">
        <v>14.9</v>
      </c>
      <c r="AC25" s="401">
        <v>97.1</v>
      </c>
      <c r="AD25" s="401">
        <v>11.2</v>
      </c>
      <c r="AE25" s="401">
        <v>95.9</v>
      </c>
      <c r="AF25" s="401">
        <v>1.7</v>
      </c>
      <c r="AG25" s="401">
        <v>91.8</v>
      </c>
      <c r="AH25" s="401">
        <v>1.8</v>
      </c>
      <c r="AI25" s="401">
        <v>101.7</v>
      </c>
      <c r="AJ25" s="401">
        <v>4.0999999999999996</v>
      </c>
      <c r="AK25" s="444"/>
    </row>
    <row r="26" spans="1:37" s="375" customFormat="1" ht="13.5" customHeight="1" x14ac:dyDescent="0.15">
      <c r="A26" s="623"/>
      <c r="B26" s="644"/>
      <c r="C26" s="397"/>
      <c r="D26" s="398"/>
      <c r="E26" s="401"/>
      <c r="F26" s="402"/>
      <c r="G26" s="401"/>
      <c r="H26" s="401"/>
      <c r="I26" s="401"/>
      <c r="J26" s="401"/>
      <c r="K26" s="401"/>
      <c r="L26" s="401"/>
      <c r="M26" s="401"/>
      <c r="N26" s="401"/>
      <c r="O26" s="401"/>
      <c r="P26" s="401"/>
      <c r="Q26" s="401"/>
      <c r="R26" s="401"/>
      <c r="S26" s="401"/>
      <c r="T26" s="401"/>
      <c r="U26" s="401"/>
      <c r="V26" s="401"/>
      <c r="W26" s="401"/>
      <c r="X26" s="401"/>
      <c r="Y26" s="401"/>
      <c r="Z26" s="401"/>
      <c r="AA26" s="401"/>
      <c r="AB26" s="401"/>
      <c r="AC26" s="401"/>
      <c r="AD26" s="401"/>
      <c r="AE26" s="401"/>
      <c r="AF26" s="401"/>
      <c r="AG26" s="401"/>
      <c r="AH26" s="401"/>
      <c r="AI26" s="401"/>
      <c r="AJ26" s="401"/>
      <c r="AK26" s="444"/>
    </row>
    <row r="27" spans="1:37" s="375" customFormat="1" ht="14.25" customHeight="1" x14ac:dyDescent="0.15">
      <c r="A27" s="623"/>
      <c r="B27" s="644"/>
      <c r="C27" s="397" t="s">
        <v>234</v>
      </c>
      <c r="D27" s="398" t="s">
        <v>232</v>
      </c>
      <c r="E27" s="399">
        <v>93.9</v>
      </c>
      <c r="F27" s="400">
        <v>-0.7</v>
      </c>
      <c r="G27" s="399">
        <v>98.4</v>
      </c>
      <c r="H27" s="399">
        <v>-13.8</v>
      </c>
      <c r="I27" s="399">
        <v>100.4</v>
      </c>
      <c r="J27" s="399">
        <v>-0.3</v>
      </c>
      <c r="K27" s="399">
        <v>93.9</v>
      </c>
      <c r="L27" s="399">
        <v>-12.1</v>
      </c>
      <c r="M27" s="399">
        <v>102.3</v>
      </c>
      <c r="N27" s="399">
        <v>2.9</v>
      </c>
      <c r="O27" s="399">
        <v>85.7</v>
      </c>
      <c r="P27" s="399">
        <v>-4.2</v>
      </c>
      <c r="Q27" s="399">
        <v>83.9</v>
      </c>
      <c r="R27" s="399">
        <v>1.9</v>
      </c>
      <c r="S27" s="399">
        <v>105</v>
      </c>
      <c r="T27" s="399">
        <v>13.6</v>
      </c>
      <c r="U27" s="399">
        <v>98.6</v>
      </c>
      <c r="V27" s="399">
        <v>5.8</v>
      </c>
      <c r="W27" s="399">
        <v>95.2</v>
      </c>
      <c r="X27" s="399">
        <v>-5.0999999999999996</v>
      </c>
      <c r="Y27" s="399">
        <v>105.6</v>
      </c>
      <c r="Z27" s="399">
        <v>8.1</v>
      </c>
      <c r="AA27" s="399">
        <v>104.9</v>
      </c>
      <c r="AB27" s="399">
        <v>9.8000000000000007</v>
      </c>
      <c r="AC27" s="399">
        <v>92.7</v>
      </c>
      <c r="AD27" s="399">
        <v>7.3</v>
      </c>
      <c r="AE27" s="399">
        <v>94.8</v>
      </c>
      <c r="AF27" s="399">
        <v>-5.5</v>
      </c>
      <c r="AG27" s="399">
        <v>91.7</v>
      </c>
      <c r="AH27" s="399">
        <v>-1.7</v>
      </c>
      <c r="AI27" s="399">
        <v>100.9</v>
      </c>
      <c r="AJ27" s="399">
        <v>6.4</v>
      </c>
      <c r="AK27" s="444"/>
    </row>
    <row r="28" spans="1:37" s="375" customFormat="1" ht="11.25" customHeight="1" x14ac:dyDescent="0.15">
      <c r="A28" s="623"/>
      <c r="B28" s="645"/>
      <c r="C28" s="405"/>
      <c r="D28" s="406"/>
      <c r="E28" s="401"/>
      <c r="F28" s="402"/>
      <c r="G28" s="401"/>
      <c r="H28" s="401"/>
      <c r="I28" s="401"/>
      <c r="J28" s="401"/>
      <c r="K28" s="401"/>
      <c r="L28" s="401"/>
      <c r="M28" s="401"/>
      <c r="N28" s="401"/>
      <c r="O28" s="401"/>
      <c r="P28" s="401"/>
      <c r="Q28" s="401"/>
      <c r="R28" s="401"/>
      <c r="S28" s="401"/>
      <c r="T28" s="401"/>
      <c r="U28" s="401"/>
      <c r="V28" s="401"/>
      <c r="W28" s="401"/>
      <c r="X28" s="401"/>
      <c r="Y28" s="401"/>
      <c r="Z28" s="401"/>
      <c r="AA28" s="401"/>
      <c r="AB28" s="401"/>
      <c r="AC28" s="401"/>
      <c r="AD28" s="401"/>
      <c r="AE28" s="401"/>
      <c r="AF28" s="401"/>
      <c r="AG28" s="401"/>
      <c r="AH28" s="401"/>
      <c r="AI28" s="401"/>
      <c r="AJ28" s="401"/>
      <c r="AK28" s="444"/>
    </row>
    <row r="29" spans="1:37" s="375" customFormat="1" ht="11.25" customHeight="1" x14ac:dyDescent="0.15">
      <c r="A29" s="623"/>
      <c r="B29" s="408"/>
      <c r="C29" s="409"/>
      <c r="D29" s="410"/>
      <c r="E29" s="411"/>
      <c r="F29" s="412"/>
      <c r="G29" s="411"/>
      <c r="H29" s="411"/>
      <c r="I29" s="411"/>
      <c r="J29" s="411"/>
      <c r="K29" s="411"/>
      <c r="L29" s="411"/>
      <c r="M29" s="411"/>
      <c r="N29" s="411"/>
      <c r="O29" s="411"/>
      <c r="P29" s="411"/>
      <c r="Q29" s="411"/>
      <c r="R29" s="411"/>
      <c r="S29" s="411"/>
      <c r="T29" s="411"/>
      <c r="U29" s="411"/>
      <c r="V29" s="411"/>
      <c r="W29" s="411"/>
      <c r="X29" s="411"/>
      <c r="Y29" s="411"/>
      <c r="Z29" s="411"/>
      <c r="AA29" s="411"/>
      <c r="AB29" s="411"/>
      <c r="AC29" s="411"/>
      <c r="AD29" s="411"/>
      <c r="AE29" s="411"/>
      <c r="AF29" s="411"/>
      <c r="AG29" s="411"/>
      <c r="AH29" s="411"/>
      <c r="AI29" s="411"/>
      <c r="AJ29" s="411"/>
      <c r="AK29" s="444"/>
    </row>
    <row r="30" spans="1:37" s="375" customFormat="1" ht="13.5" customHeight="1" x14ac:dyDescent="0.15">
      <c r="A30" s="623"/>
      <c r="B30" s="413"/>
      <c r="C30" s="397" t="s">
        <v>227</v>
      </c>
      <c r="D30" s="398" t="s">
        <v>228</v>
      </c>
      <c r="E30" s="399">
        <v>100.1</v>
      </c>
      <c r="F30" s="400">
        <v>0.1</v>
      </c>
      <c r="G30" s="399">
        <v>105.8</v>
      </c>
      <c r="H30" s="399">
        <v>5.8</v>
      </c>
      <c r="I30" s="399">
        <v>103.2</v>
      </c>
      <c r="J30" s="399">
        <v>3.2</v>
      </c>
      <c r="K30" s="399">
        <v>96</v>
      </c>
      <c r="L30" s="399">
        <v>-4</v>
      </c>
      <c r="M30" s="399">
        <v>107.3</v>
      </c>
      <c r="N30" s="399">
        <v>7.3</v>
      </c>
      <c r="O30" s="399">
        <v>91.2</v>
      </c>
      <c r="P30" s="399">
        <v>-8.8000000000000007</v>
      </c>
      <c r="Q30" s="399">
        <v>97.6</v>
      </c>
      <c r="R30" s="399">
        <v>-2.4</v>
      </c>
      <c r="S30" s="399">
        <v>98.9</v>
      </c>
      <c r="T30" s="399">
        <v>-1.1000000000000001</v>
      </c>
      <c r="U30" s="399">
        <v>107.4</v>
      </c>
      <c r="V30" s="399">
        <v>7.4</v>
      </c>
      <c r="W30" s="399">
        <v>103.8</v>
      </c>
      <c r="X30" s="399">
        <v>3.8</v>
      </c>
      <c r="Y30" s="399">
        <v>111.7</v>
      </c>
      <c r="Z30" s="399">
        <v>11.7</v>
      </c>
      <c r="AA30" s="399">
        <v>94.8</v>
      </c>
      <c r="AB30" s="399">
        <v>-5.2</v>
      </c>
      <c r="AC30" s="399">
        <v>103.3</v>
      </c>
      <c r="AD30" s="399">
        <v>3.3</v>
      </c>
      <c r="AE30" s="399">
        <v>94.9</v>
      </c>
      <c r="AF30" s="399">
        <v>-5.0999999999999996</v>
      </c>
      <c r="AG30" s="399">
        <v>98</v>
      </c>
      <c r="AH30" s="399">
        <v>-2</v>
      </c>
      <c r="AI30" s="399">
        <v>100.4</v>
      </c>
      <c r="AJ30" s="399">
        <v>0.4</v>
      </c>
      <c r="AK30" s="444"/>
    </row>
    <row r="31" spans="1:37" s="375" customFormat="1" ht="13.5" customHeight="1" x14ac:dyDescent="0.15">
      <c r="A31" s="623"/>
      <c r="B31" s="413"/>
      <c r="C31" s="397" t="s">
        <v>227</v>
      </c>
      <c r="D31" s="398" t="s">
        <v>229</v>
      </c>
      <c r="E31" s="401">
        <v>95.7</v>
      </c>
      <c r="F31" s="402">
        <v>-4.4000000000000004</v>
      </c>
      <c r="G31" s="401">
        <v>102.8</v>
      </c>
      <c r="H31" s="401">
        <v>-2.8</v>
      </c>
      <c r="I31" s="401">
        <v>95.6</v>
      </c>
      <c r="J31" s="401">
        <v>-7.4</v>
      </c>
      <c r="K31" s="401">
        <v>99.7</v>
      </c>
      <c r="L31" s="401">
        <v>3.9</v>
      </c>
      <c r="M31" s="401">
        <v>107.4</v>
      </c>
      <c r="N31" s="401">
        <v>0.1</v>
      </c>
      <c r="O31" s="401">
        <v>83.6</v>
      </c>
      <c r="P31" s="401">
        <v>-8.3000000000000007</v>
      </c>
      <c r="Q31" s="401">
        <v>94.6</v>
      </c>
      <c r="R31" s="401">
        <v>-3.1</v>
      </c>
      <c r="S31" s="401">
        <v>92.5</v>
      </c>
      <c r="T31" s="401">
        <v>-6.5</v>
      </c>
      <c r="U31" s="401">
        <v>114.2</v>
      </c>
      <c r="V31" s="401">
        <v>6.3</v>
      </c>
      <c r="W31" s="401">
        <v>102.7</v>
      </c>
      <c r="X31" s="401">
        <v>-1.1000000000000001</v>
      </c>
      <c r="Y31" s="401">
        <v>126.7</v>
      </c>
      <c r="Z31" s="401">
        <v>13.4</v>
      </c>
      <c r="AA31" s="401">
        <v>92.1</v>
      </c>
      <c r="AB31" s="401">
        <v>-2.8</v>
      </c>
      <c r="AC31" s="401">
        <v>84.5</v>
      </c>
      <c r="AD31" s="401">
        <v>-18.2</v>
      </c>
      <c r="AE31" s="401">
        <v>101.4</v>
      </c>
      <c r="AF31" s="401">
        <v>6.8</v>
      </c>
      <c r="AG31" s="401">
        <v>92.7</v>
      </c>
      <c r="AH31" s="401">
        <v>-5.4</v>
      </c>
      <c r="AI31" s="401">
        <v>92.6</v>
      </c>
      <c r="AJ31" s="401">
        <v>-7.8</v>
      </c>
      <c r="AK31" s="444"/>
    </row>
    <row r="32" spans="1:37" s="375" customFormat="1" ht="13.5" customHeight="1" x14ac:dyDescent="0.15">
      <c r="A32" s="623"/>
      <c r="B32" s="413"/>
      <c r="C32" s="397" t="s">
        <v>227</v>
      </c>
      <c r="D32" s="398" t="s">
        <v>230</v>
      </c>
      <c r="E32" s="445">
        <v>96.2</v>
      </c>
      <c r="F32" s="446">
        <v>0.5</v>
      </c>
      <c r="G32" s="445">
        <v>96.7</v>
      </c>
      <c r="H32" s="445">
        <v>-5.9</v>
      </c>
      <c r="I32" s="445">
        <v>103.4</v>
      </c>
      <c r="J32" s="445">
        <v>8.1999999999999993</v>
      </c>
      <c r="K32" s="445">
        <v>98.1</v>
      </c>
      <c r="L32" s="445">
        <v>-1.6</v>
      </c>
      <c r="M32" s="445">
        <v>104.7</v>
      </c>
      <c r="N32" s="445">
        <v>-2.5</v>
      </c>
      <c r="O32" s="445">
        <v>85.5</v>
      </c>
      <c r="P32" s="445">
        <v>2.2999999999999998</v>
      </c>
      <c r="Q32" s="445">
        <v>103.7</v>
      </c>
      <c r="R32" s="445">
        <v>9.6</v>
      </c>
      <c r="S32" s="445">
        <v>86</v>
      </c>
      <c r="T32" s="445">
        <v>-7</v>
      </c>
      <c r="U32" s="445">
        <v>113.7</v>
      </c>
      <c r="V32" s="445">
        <v>-0.4</v>
      </c>
      <c r="W32" s="445">
        <v>99.5</v>
      </c>
      <c r="X32" s="445">
        <v>-3.1</v>
      </c>
      <c r="Y32" s="445">
        <v>142.30000000000001</v>
      </c>
      <c r="Z32" s="445">
        <v>12.3</v>
      </c>
      <c r="AA32" s="445">
        <v>93.7</v>
      </c>
      <c r="AB32" s="445">
        <v>1.7</v>
      </c>
      <c r="AC32" s="445">
        <v>78.900000000000006</v>
      </c>
      <c r="AD32" s="445">
        <v>-6.6</v>
      </c>
      <c r="AE32" s="445">
        <v>95.7</v>
      </c>
      <c r="AF32" s="445">
        <v>-5.6</v>
      </c>
      <c r="AG32" s="445">
        <v>90.1</v>
      </c>
      <c r="AH32" s="445">
        <v>-2.8</v>
      </c>
      <c r="AI32" s="445">
        <v>88</v>
      </c>
      <c r="AJ32" s="445">
        <v>-5</v>
      </c>
      <c r="AK32" s="444"/>
    </row>
    <row r="33" spans="1:37" s="375" customFormat="1" ht="13.5" customHeight="1" x14ac:dyDescent="0.15">
      <c r="A33" s="623"/>
      <c r="B33" s="413"/>
      <c r="C33" s="397" t="s">
        <v>227</v>
      </c>
      <c r="D33" s="398" t="s">
        <v>231</v>
      </c>
      <c r="E33" s="401">
        <v>97.8</v>
      </c>
      <c r="F33" s="402">
        <v>0.1</v>
      </c>
      <c r="G33" s="401">
        <v>99</v>
      </c>
      <c r="H33" s="401">
        <v>1.7</v>
      </c>
      <c r="I33" s="401">
        <v>99.8</v>
      </c>
      <c r="J33" s="401">
        <v>-2.9</v>
      </c>
      <c r="K33" s="401">
        <v>108.3</v>
      </c>
      <c r="L33" s="401">
        <v>10.7</v>
      </c>
      <c r="M33" s="401">
        <v>101.6</v>
      </c>
      <c r="N33" s="401">
        <v>-2.7</v>
      </c>
      <c r="O33" s="401">
        <v>85.3</v>
      </c>
      <c r="P33" s="401">
        <v>0.1</v>
      </c>
      <c r="Q33" s="401">
        <v>94.3</v>
      </c>
      <c r="R33" s="401">
        <v>-8.6</v>
      </c>
      <c r="S33" s="401">
        <v>89.4</v>
      </c>
      <c r="T33" s="401">
        <v>3.4</v>
      </c>
      <c r="U33" s="401">
        <v>102</v>
      </c>
      <c r="V33" s="401">
        <v>-6.8</v>
      </c>
      <c r="W33" s="401">
        <v>99.1</v>
      </c>
      <c r="X33" s="401">
        <v>-0.1</v>
      </c>
      <c r="Y33" s="401">
        <v>120.5</v>
      </c>
      <c r="Z33" s="401">
        <v>-15.2</v>
      </c>
      <c r="AA33" s="401">
        <v>100.9</v>
      </c>
      <c r="AB33" s="401">
        <v>8.4</v>
      </c>
      <c r="AC33" s="401">
        <v>82.3</v>
      </c>
      <c r="AD33" s="401">
        <v>4</v>
      </c>
      <c r="AE33" s="401">
        <v>103.6</v>
      </c>
      <c r="AF33" s="401">
        <v>7.6</v>
      </c>
      <c r="AG33" s="417">
        <v>93</v>
      </c>
      <c r="AH33" s="401">
        <v>5</v>
      </c>
      <c r="AI33" s="401">
        <v>96.6</v>
      </c>
      <c r="AJ33" s="401">
        <v>8.5</v>
      </c>
      <c r="AK33" s="444"/>
    </row>
    <row r="34" spans="1:37" s="375" customFormat="1" ht="13.5" customHeight="1" x14ac:dyDescent="0.15">
      <c r="A34" s="623"/>
      <c r="B34" s="413"/>
      <c r="C34" s="397"/>
      <c r="D34" s="398"/>
      <c r="E34" s="401"/>
      <c r="F34" s="402"/>
      <c r="G34" s="401"/>
      <c r="H34" s="401"/>
      <c r="I34" s="401"/>
      <c r="J34" s="401"/>
      <c r="K34" s="401"/>
      <c r="L34" s="401"/>
      <c r="M34" s="401"/>
      <c r="N34" s="401"/>
      <c r="O34" s="401"/>
      <c r="P34" s="401"/>
      <c r="Q34" s="401"/>
      <c r="R34" s="401"/>
      <c r="S34" s="401"/>
      <c r="T34" s="401"/>
      <c r="U34" s="401"/>
      <c r="V34" s="401"/>
      <c r="W34" s="401"/>
      <c r="X34" s="401"/>
      <c r="Y34" s="401"/>
      <c r="Z34" s="401"/>
      <c r="AA34" s="401"/>
      <c r="AB34" s="401"/>
      <c r="AC34" s="401"/>
      <c r="AD34" s="401"/>
      <c r="AE34" s="401"/>
      <c r="AF34" s="401"/>
      <c r="AG34" s="417"/>
      <c r="AH34" s="417"/>
      <c r="AI34" s="401"/>
      <c r="AJ34" s="401"/>
      <c r="AK34" s="444"/>
    </row>
    <row r="35" spans="1:37" s="375" customFormat="1" ht="15" customHeight="1" x14ac:dyDescent="0.15">
      <c r="A35" s="623"/>
      <c r="B35" s="646" t="s">
        <v>48</v>
      </c>
      <c r="C35" s="397" t="s">
        <v>208</v>
      </c>
      <c r="D35" s="398" t="s">
        <v>232</v>
      </c>
      <c r="E35" s="399">
        <v>97.5</v>
      </c>
      <c r="F35" s="400">
        <v>1.4</v>
      </c>
      <c r="G35" s="399">
        <v>98.6</v>
      </c>
      <c r="H35" s="399">
        <v>0.4</v>
      </c>
      <c r="I35" s="399">
        <v>100.1</v>
      </c>
      <c r="J35" s="399">
        <v>-3.6</v>
      </c>
      <c r="K35" s="399">
        <v>107.3</v>
      </c>
      <c r="L35" s="399">
        <v>9.1999999999999993</v>
      </c>
      <c r="M35" s="399">
        <v>100.4</v>
      </c>
      <c r="N35" s="399">
        <v>-0.7</v>
      </c>
      <c r="O35" s="399">
        <v>85.5</v>
      </c>
      <c r="P35" s="399">
        <v>0.2</v>
      </c>
      <c r="Q35" s="399">
        <v>89.9</v>
      </c>
      <c r="R35" s="399">
        <v>-10.7</v>
      </c>
      <c r="S35" s="399">
        <v>89</v>
      </c>
      <c r="T35" s="399">
        <v>1.8</v>
      </c>
      <c r="U35" s="399">
        <v>96.4</v>
      </c>
      <c r="V35" s="399">
        <v>-11.8</v>
      </c>
      <c r="W35" s="399">
        <v>99</v>
      </c>
      <c r="X35" s="399">
        <v>0.5</v>
      </c>
      <c r="Y35" s="399">
        <v>110</v>
      </c>
      <c r="Z35" s="399">
        <v>2.2000000000000002</v>
      </c>
      <c r="AA35" s="399">
        <v>106.3</v>
      </c>
      <c r="AB35" s="399">
        <v>15.3</v>
      </c>
      <c r="AC35" s="399">
        <v>82.9</v>
      </c>
      <c r="AD35" s="399">
        <v>7.8</v>
      </c>
      <c r="AE35" s="399">
        <v>105.5</v>
      </c>
      <c r="AF35" s="399">
        <v>10.5</v>
      </c>
      <c r="AG35" s="418" t="s">
        <v>19</v>
      </c>
      <c r="AH35" s="399" t="s">
        <v>19</v>
      </c>
      <c r="AI35" s="399">
        <v>97.8</v>
      </c>
      <c r="AJ35" s="399">
        <v>11.3</v>
      </c>
      <c r="AK35" s="444"/>
    </row>
    <row r="36" spans="1:37" s="375" customFormat="1" ht="15" customHeight="1" x14ac:dyDescent="0.15">
      <c r="A36" s="623"/>
      <c r="B36" s="646"/>
      <c r="C36" s="397" t="s">
        <v>0</v>
      </c>
      <c r="D36" s="398" t="s">
        <v>233</v>
      </c>
      <c r="E36" s="401">
        <v>96.8</v>
      </c>
      <c r="F36" s="402">
        <v>-0.9</v>
      </c>
      <c r="G36" s="401">
        <v>97</v>
      </c>
      <c r="H36" s="401">
        <v>-4.3</v>
      </c>
      <c r="I36" s="401">
        <v>98.8</v>
      </c>
      <c r="J36" s="401">
        <v>-5.7</v>
      </c>
      <c r="K36" s="401">
        <v>105.9</v>
      </c>
      <c r="L36" s="401">
        <v>10.9</v>
      </c>
      <c r="M36" s="401">
        <v>100.3</v>
      </c>
      <c r="N36" s="401">
        <v>-2.2000000000000002</v>
      </c>
      <c r="O36" s="401">
        <v>82.9</v>
      </c>
      <c r="P36" s="401">
        <v>-5.8</v>
      </c>
      <c r="Q36" s="401">
        <v>91.1</v>
      </c>
      <c r="R36" s="401">
        <v>-12.2</v>
      </c>
      <c r="S36" s="401">
        <v>89.5</v>
      </c>
      <c r="T36" s="401">
        <v>3.1</v>
      </c>
      <c r="U36" s="401">
        <v>99.7</v>
      </c>
      <c r="V36" s="401">
        <v>-4.0999999999999996</v>
      </c>
      <c r="W36" s="401">
        <v>99.9</v>
      </c>
      <c r="X36" s="401">
        <v>0.7</v>
      </c>
      <c r="Y36" s="401">
        <v>112.2</v>
      </c>
      <c r="Z36" s="401">
        <v>-26.8</v>
      </c>
      <c r="AA36" s="401">
        <v>102.7</v>
      </c>
      <c r="AB36" s="401">
        <v>11.3</v>
      </c>
      <c r="AC36" s="401">
        <v>83</v>
      </c>
      <c r="AD36" s="401">
        <v>10.5</v>
      </c>
      <c r="AE36" s="401">
        <v>103.2</v>
      </c>
      <c r="AF36" s="401">
        <v>7.5</v>
      </c>
      <c r="AG36" s="417" t="s">
        <v>19</v>
      </c>
      <c r="AH36" s="417" t="s">
        <v>19</v>
      </c>
      <c r="AI36" s="401">
        <v>97.8</v>
      </c>
      <c r="AJ36" s="401">
        <v>12.3</v>
      </c>
      <c r="AK36" s="444"/>
    </row>
    <row r="37" spans="1:37" s="375" customFormat="1" ht="15" customHeight="1" x14ac:dyDescent="0.15">
      <c r="A37" s="623"/>
      <c r="B37" s="646"/>
      <c r="C37" s="397" t="s">
        <v>234</v>
      </c>
      <c r="D37" s="398" t="s">
        <v>235</v>
      </c>
      <c r="E37" s="399">
        <v>95.9</v>
      </c>
      <c r="F37" s="400">
        <v>-1.1000000000000001</v>
      </c>
      <c r="G37" s="399">
        <v>94.9</v>
      </c>
      <c r="H37" s="399">
        <v>-4</v>
      </c>
      <c r="I37" s="399">
        <v>97.2</v>
      </c>
      <c r="J37" s="399">
        <v>-2.2999999999999998</v>
      </c>
      <c r="K37" s="399">
        <v>92.2</v>
      </c>
      <c r="L37" s="399">
        <v>-13.3</v>
      </c>
      <c r="M37" s="399">
        <v>106.2</v>
      </c>
      <c r="N37" s="399">
        <v>3.1</v>
      </c>
      <c r="O37" s="399">
        <v>86.2</v>
      </c>
      <c r="P37" s="399">
        <v>3.7</v>
      </c>
      <c r="Q37" s="399">
        <v>91.5</v>
      </c>
      <c r="R37" s="399">
        <v>-5.3</v>
      </c>
      <c r="S37" s="399">
        <v>92.7</v>
      </c>
      <c r="T37" s="399">
        <v>4.5</v>
      </c>
      <c r="U37" s="399">
        <v>87.4</v>
      </c>
      <c r="V37" s="399">
        <v>-15.1</v>
      </c>
      <c r="W37" s="399">
        <v>91.7</v>
      </c>
      <c r="X37" s="399">
        <v>-5.9</v>
      </c>
      <c r="Y37" s="399">
        <v>124</v>
      </c>
      <c r="Z37" s="399">
        <v>7.7</v>
      </c>
      <c r="AA37" s="399">
        <v>102</v>
      </c>
      <c r="AB37" s="399">
        <v>-2.2000000000000002</v>
      </c>
      <c r="AC37" s="399">
        <v>87.9</v>
      </c>
      <c r="AD37" s="399">
        <v>9.1</v>
      </c>
      <c r="AE37" s="399">
        <v>96</v>
      </c>
      <c r="AF37" s="399">
        <v>-6.4</v>
      </c>
      <c r="AG37" s="418">
        <v>90.6</v>
      </c>
      <c r="AH37" s="418">
        <v>-23.2</v>
      </c>
      <c r="AI37" s="399">
        <v>101.2</v>
      </c>
      <c r="AJ37" s="399">
        <v>9.3000000000000007</v>
      </c>
      <c r="AK37" s="444"/>
    </row>
    <row r="38" spans="1:37" s="375" customFormat="1" ht="15" customHeight="1" x14ac:dyDescent="0.15">
      <c r="A38" s="623"/>
      <c r="B38" s="646"/>
      <c r="C38" s="397" t="s">
        <v>0</v>
      </c>
      <c r="D38" s="398" t="s">
        <v>236</v>
      </c>
      <c r="E38" s="401">
        <v>95.7</v>
      </c>
      <c r="F38" s="402">
        <v>-1.5</v>
      </c>
      <c r="G38" s="401">
        <v>97.1</v>
      </c>
      <c r="H38" s="401">
        <v>-1.8</v>
      </c>
      <c r="I38" s="401">
        <v>97.9</v>
      </c>
      <c r="J38" s="401">
        <v>-1</v>
      </c>
      <c r="K38" s="401">
        <v>92.9</v>
      </c>
      <c r="L38" s="401">
        <v>-13.9</v>
      </c>
      <c r="M38" s="401">
        <v>103.4</v>
      </c>
      <c r="N38" s="401">
        <v>3.8</v>
      </c>
      <c r="O38" s="401">
        <v>83.1</v>
      </c>
      <c r="P38" s="401">
        <v>2.1</v>
      </c>
      <c r="Q38" s="401">
        <v>88.6</v>
      </c>
      <c r="R38" s="401">
        <v>-4.8</v>
      </c>
      <c r="S38" s="401">
        <v>89.5</v>
      </c>
      <c r="T38" s="401">
        <v>2.4</v>
      </c>
      <c r="U38" s="401">
        <v>83.7</v>
      </c>
      <c r="V38" s="401">
        <v>-17.8</v>
      </c>
      <c r="W38" s="401">
        <v>93.3</v>
      </c>
      <c r="X38" s="401">
        <v>-6.2</v>
      </c>
      <c r="Y38" s="401">
        <v>121.7</v>
      </c>
      <c r="Z38" s="401">
        <v>-21.9</v>
      </c>
      <c r="AA38" s="401">
        <v>97.2</v>
      </c>
      <c r="AB38" s="401">
        <v>-2.5</v>
      </c>
      <c r="AC38" s="401">
        <v>89.4</v>
      </c>
      <c r="AD38" s="401">
        <v>11.8</v>
      </c>
      <c r="AE38" s="401">
        <v>97.2</v>
      </c>
      <c r="AF38" s="401">
        <v>-4.4000000000000004</v>
      </c>
      <c r="AG38" s="417">
        <v>90.5</v>
      </c>
      <c r="AH38" s="417">
        <v>0.3</v>
      </c>
      <c r="AI38" s="401">
        <v>100.9</v>
      </c>
      <c r="AJ38" s="401">
        <v>3.9</v>
      </c>
      <c r="AK38" s="444"/>
    </row>
    <row r="39" spans="1:37" s="375" customFormat="1" ht="15" customHeight="1" x14ac:dyDescent="0.15">
      <c r="A39" s="623"/>
      <c r="B39" s="646"/>
      <c r="C39" s="397" t="s">
        <v>0</v>
      </c>
      <c r="D39" s="398" t="s">
        <v>237</v>
      </c>
      <c r="E39" s="399">
        <v>96.7</v>
      </c>
      <c r="F39" s="400">
        <v>-1.1000000000000001</v>
      </c>
      <c r="G39" s="399">
        <v>99.3</v>
      </c>
      <c r="H39" s="399">
        <v>-0.7</v>
      </c>
      <c r="I39" s="399">
        <v>97.9</v>
      </c>
      <c r="J39" s="399">
        <v>-2.2000000000000002</v>
      </c>
      <c r="K39" s="399">
        <v>102.1</v>
      </c>
      <c r="L39" s="399">
        <v>-7.2</v>
      </c>
      <c r="M39" s="399">
        <v>104.1</v>
      </c>
      <c r="N39" s="399">
        <v>3.4</v>
      </c>
      <c r="O39" s="399">
        <v>84.8</v>
      </c>
      <c r="P39" s="399">
        <v>-2.4</v>
      </c>
      <c r="Q39" s="399">
        <v>89.9</v>
      </c>
      <c r="R39" s="399">
        <v>-5.7</v>
      </c>
      <c r="S39" s="399">
        <v>93.6</v>
      </c>
      <c r="T39" s="399">
        <v>6.6</v>
      </c>
      <c r="U39" s="399">
        <v>80.099999999999994</v>
      </c>
      <c r="V39" s="399">
        <v>-24.4</v>
      </c>
      <c r="W39" s="399">
        <v>93.8</v>
      </c>
      <c r="X39" s="399">
        <v>-5.6</v>
      </c>
      <c r="Y39" s="399">
        <v>123.4</v>
      </c>
      <c r="Z39" s="399">
        <v>5.9</v>
      </c>
      <c r="AA39" s="399">
        <v>98.6</v>
      </c>
      <c r="AB39" s="399">
        <v>1.8</v>
      </c>
      <c r="AC39" s="399">
        <v>89.6</v>
      </c>
      <c r="AD39" s="399">
        <v>12.3</v>
      </c>
      <c r="AE39" s="399">
        <v>99</v>
      </c>
      <c r="AF39" s="399">
        <v>-3.9</v>
      </c>
      <c r="AG39" s="418">
        <v>87.8</v>
      </c>
      <c r="AH39" s="418">
        <v>3.4</v>
      </c>
      <c r="AI39" s="399">
        <v>101</v>
      </c>
      <c r="AJ39" s="399">
        <v>4.5999999999999996</v>
      </c>
      <c r="AK39" s="444"/>
    </row>
    <row r="40" spans="1:37" s="375" customFormat="1" ht="15" customHeight="1" x14ac:dyDescent="0.15">
      <c r="A40" s="623"/>
      <c r="B40" s="419">
        <v>30</v>
      </c>
      <c r="C40" s="397" t="s">
        <v>0</v>
      </c>
      <c r="D40" s="398" t="s">
        <v>238</v>
      </c>
      <c r="E40" s="401">
        <v>98.4</v>
      </c>
      <c r="F40" s="402">
        <v>-1.1000000000000001</v>
      </c>
      <c r="G40" s="401">
        <v>97.4</v>
      </c>
      <c r="H40" s="401">
        <v>-2.1</v>
      </c>
      <c r="I40" s="401">
        <v>99.6</v>
      </c>
      <c r="J40" s="401">
        <v>-0.6</v>
      </c>
      <c r="K40" s="401">
        <v>87.9</v>
      </c>
      <c r="L40" s="401">
        <v>-20</v>
      </c>
      <c r="M40" s="401">
        <v>105.9</v>
      </c>
      <c r="N40" s="401">
        <v>2.5</v>
      </c>
      <c r="O40" s="401">
        <v>85.6</v>
      </c>
      <c r="P40" s="401">
        <v>-1.9</v>
      </c>
      <c r="Q40" s="401">
        <v>90.3</v>
      </c>
      <c r="R40" s="401">
        <v>-6.3</v>
      </c>
      <c r="S40" s="401">
        <v>94</v>
      </c>
      <c r="T40" s="401">
        <v>3.8</v>
      </c>
      <c r="U40" s="401">
        <v>87.9</v>
      </c>
      <c r="V40" s="401">
        <v>-22.3</v>
      </c>
      <c r="W40" s="401">
        <v>95.1</v>
      </c>
      <c r="X40" s="401">
        <v>-4.2</v>
      </c>
      <c r="Y40" s="401">
        <v>130.5</v>
      </c>
      <c r="Z40" s="401">
        <v>-15.4</v>
      </c>
      <c r="AA40" s="401">
        <v>105.2</v>
      </c>
      <c r="AB40" s="401">
        <v>3.5</v>
      </c>
      <c r="AC40" s="401">
        <v>92.3</v>
      </c>
      <c r="AD40" s="401">
        <v>11.7</v>
      </c>
      <c r="AE40" s="401">
        <v>101.3</v>
      </c>
      <c r="AF40" s="401">
        <v>-3.2</v>
      </c>
      <c r="AG40" s="417">
        <v>88.6</v>
      </c>
      <c r="AH40" s="417">
        <v>-3.5</v>
      </c>
      <c r="AI40" s="401">
        <v>103.1</v>
      </c>
      <c r="AJ40" s="401">
        <v>7.6</v>
      </c>
      <c r="AK40" s="444"/>
    </row>
    <row r="41" spans="1:37" s="375" customFormat="1" ht="15" customHeight="1" x14ac:dyDescent="0.15">
      <c r="A41" s="623"/>
      <c r="B41" s="647" t="s">
        <v>209</v>
      </c>
      <c r="C41" s="397" t="s">
        <v>0</v>
      </c>
      <c r="D41" s="398" t="s">
        <v>239</v>
      </c>
      <c r="E41" s="399">
        <v>96.8</v>
      </c>
      <c r="F41" s="400">
        <v>-1.7</v>
      </c>
      <c r="G41" s="399">
        <v>97.5</v>
      </c>
      <c r="H41" s="399">
        <v>-3</v>
      </c>
      <c r="I41" s="399">
        <v>98</v>
      </c>
      <c r="J41" s="399">
        <v>-1.4</v>
      </c>
      <c r="K41" s="399">
        <v>93.4</v>
      </c>
      <c r="L41" s="399">
        <v>-14.4</v>
      </c>
      <c r="M41" s="399">
        <v>102.8</v>
      </c>
      <c r="N41" s="399">
        <v>-1.3</v>
      </c>
      <c r="O41" s="399">
        <v>84.7</v>
      </c>
      <c r="P41" s="399">
        <v>-1.4</v>
      </c>
      <c r="Q41" s="399">
        <v>91.6</v>
      </c>
      <c r="R41" s="399">
        <v>-3.6</v>
      </c>
      <c r="S41" s="399">
        <v>98.2</v>
      </c>
      <c r="T41" s="399">
        <v>10</v>
      </c>
      <c r="U41" s="399">
        <v>84.5</v>
      </c>
      <c r="V41" s="399">
        <v>-16.7</v>
      </c>
      <c r="W41" s="399">
        <v>93.2</v>
      </c>
      <c r="X41" s="399">
        <v>-5</v>
      </c>
      <c r="Y41" s="399">
        <v>127.5</v>
      </c>
      <c r="Z41" s="399">
        <v>9.1999999999999993</v>
      </c>
      <c r="AA41" s="399">
        <v>105.7</v>
      </c>
      <c r="AB41" s="399">
        <v>3.6</v>
      </c>
      <c r="AC41" s="399">
        <v>88</v>
      </c>
      <c r="AD41" s="399">
        <v>3</v>
      </c>
      <c r="AE41" s="399">
        <v>99</v>
      </c>
      <c r="AF41" s="399">
        <v>-5</v>
      </c>
      <c r="AG41" s="418">
        <v>89.6</v>
      </c>
      <c r="AH41" s="418">
        <v>-0.4</v>
      </c>
      <c r="AI41" s="399">
        <v>100.8</v>
      </c>
      <c r="AJ41" s="399">
        <v>4.9000000000000004</v>
      </c>
      <c r="AK41" s="444"/>
    </row>
    <row r="42" spans="1:37" s="375" customFormat="1" ht="15" customHeight="1" x14ac:dyDescent="0.15">
      <c r="A42" s="623"/>
      <c r="B42" s="647"/>
      <c r="C42" s="397" t="s">
        <v>0</v>
      </c>
      <c r="D42" s="398" t="s">
        <v>240</v>
      </c>
      <c r="E42" s="447">
        <v>98.2</v>
      </c>
      <c r="F42" s="448">
        <v>-0.7</v>
      </c>
      <c r="G42" s="447">
        <v>102.3</v>
      </c>
      <c r="H42" s="447">
        <v>3.3</v>
      </c>
      <c r="I42" s="447">
        <v>99.9</v>
      </c>
      <c r="J42" s="447">
        <v>-0.6</v>
      </c>
      <c r="K42" s="447">
        <v>106.3</v>
      </c>
      <c r="L42" s="447">
        <v>-3</v>
      </c>
      <c r="M42" s="447">
        <v>105.8</v>
      </c>
      <c r="N42" s="447">
        <v>3.7</v>
      </c>
      <c r="O42" s="447">
        <v>86.1</v>
      </c>
      <c r="P42" s="447">
        <v>-0.5</v>
      </c>
      <c r="Q42" s="447">
        <v>91.4</v>
      </c>
      <c r="R42" s="447">
        <v>-2.8</v>
      </c>
      <c r="S42" s="447">
        <v>91.1</v>
      </c>
      <c r="T42" s="447">
        <v>3.8</v>
      </c>
      <c r="U42" s="447">
        <v>88.2</v>
      </c>
      <c r="V42" s="447">
        <v>-9.8000000000000007</v>
      </c>
      <c r="W42" s="447">
        <v>94.5</v>
      </c>
      <c r="X42" s="447">
        <v>-4.4000000000000004</v>
      </c>
      <c r="Y42" s="447">
        <v>125.2</v>
      </c>
      <c r="Z42" s="447">
        <v>6.1</v>
      </c>
      <c r="AA42" s="447">
        <v>109.2</v>
      </c>
      <c r="AB42" s="447">
        <v>9.5</v>
      </c>
      <c r="AC42" s="447">
        <v>87.7</v>
      </c>
      <c r="AD42" s="447">
        <v>6</v>
      </c>
      <c r="AE42" s="447">
        <v>100</v>
      </c>
      <c r="AF42" s="447">
        <v>-8.1999999999999993</v>
      </c>
      <c r="AG42" s="417">
        <v>91.3</v>
      </c>
      <c r="AH42" s="401">
        <v>0.9</v>
      </c>
      <c r="AI42" s="447">
        <v>101.4</v>
      </c>
      <c r="AJ42" s="447">
        <v>4.2</v>
      </c>
      <c r="AK42" s="444"/>
    </row>
    <row r="43" spans="1:37" s="375" customFormat="1" ht="15" customHeight="1" x14ac:dyDescent="0.15">
      <c r="A43" s="623"/>
      <c r="B43" s="647"/>
      <c r="C43" s="397" t="s">
        <v>0</v>
      </c>
      <c r="D43" s="398" t="s">
        <v>241</v>
      </c>
      <c r="E43" s="449">
        <v>98.1</v>
      </c>
      <c r="F43" s="450">
        <v>0</v>
      </c>
      <c r="G43" s="449">
        <v>100.7</v>
      </c>
      <c r="H43" s="449">
        <v>1.7</v>
      </c>
      <c r="I43" s="449">
        <v>99.9</v>
      </c>
      <c r="J43" s="449">
        <v>-0.7</v>
      </c>
      <c r="K43" s="449">
        <v>94.1</v>
      </c>
      <c r="L43" s="449">
        <v>-12.1</v>
      </c>
      <c r="M43" s="449">
        <v>103.3</v>
      </c>
      <c r="N43" s="449">
        <v>1.9</v>
      </c>
      <c r="O43" s="449">
        <v>82.7</v>
      </c>
      <c r="P43" s="449">
        <v>-3.3</v>
      </c>
      <c r="Q43" s="449">
        <v>94</v>
      </c>
      <c r="R43" s="449">
        <v>0.3</v>
      </c>
      <c r="S43" s="449">
        <v>92.7</v>
      </c>
      <c r="T43" s="449">
        <v>0</v>
      </c>
      <c r="U43" s="449">
        <v>103</v>
      </c>
      <c r="V43" s="449">
        <v>3.9</v>
      </c>
      <c r="W43" s="449">
        <v>94.2</v>
      </c>
      <c r="X43" s="449">
        <v>-5.3</v>
      </c>
      <c r="Y43" s="449">
        <v>123.4</v>
      </c>
      <c r="Z43" s="449">
        <v>6.8</v>
      </c>
      <c r="AA43" s="449">
        <v>100.7</v>
      </c>
      <c r="AB43" s="449">
        <v>1.6</v>
      </c>
      <c r="AC43" s="449">
        <v>86.9</v>
      </c>
      <c r="AD43" s="449">
        <v>4.7</v>
      </c>
      <c r="AE43" s="449">
        <v>100</v>
      </c>
      <c r="AF43" s="449">
        <v>-3.7</v>
      </c>
      <c r="AG43" s="418">
        <v>90.9</v>
      </c>
      <c r="AH43" s="418">
        <v>0.4</v>
      </c>
      <c r="AI43" s="449">
        <v>104.7</v>
      </c>
      <c r="AJ43" s="449">
        <v>7.1</v>
      </c>
      <c r="AK43" s="444"/>
    </row>
    <row r="44" spans="1:37" s="375" customFormat="1" ht="15" customHeight="1" x14ac:dyDescent="0.15">
      <c r="A44" s="623"/>
      <c r="B44" s="413"/>
      <c r="C44" s="397" t="s">
        <v>0</v>
      </c>
      <c r="D44" s="398" t="s">
        <v>242</v>
      </c>
      <c r="E44" s="401">
        <v>96.8</v>
      </c>
      <c r="F44" s="402">
        <v>-1.4</v>
      </c>
      <c r="G44" s="401">
        <v>97.6</v>
      </c>
      <c r="H44" s="401">
        <v>-0.3</v>
      </c>
      <c r="I44" s="401">
        <v>98.8</v>
      </c>
      <c r="J44" s="401">
        <v>-1.3</v>
      </c>
      <c r="K44" s="401">
        <v>105.3</v>
      </c>
      <c r="L44" s="401">
        <v>-3.7</v>
      </c>
      <c r="M44" s="401">
        <v>105.6</v>
      </c>
      <c r="N44" s="401">
        <v>2.5</v>
      </c>
      <c r="O44" s="401">
        <v>82.1</v>
      </c>
      <c r="P44" s="401">
        <v>-4.5999999999999996</v>
      </c>
      <c r="Q44" s="401">
        <v>92.4</v>
      </c>
      <c r="R44" s="401">
        <v>-4.8</v>
      </c>
      <c r="S44" s="401">
        <v>90.5</v>
      </c>
      <c r="T44" s="401">
        <v>1.3</v>
      </c>
      <c r="U44" s="401">
        <v>87.6</v>
      </c>
      <c r="V44" s="401">
        <v>-9.6999999999999993</v>
      </c>
      <c r="W44" s="401">
        <v>93.9</v>
      </c>
      <c r="X44" s="401">
        <v>-4.5</v>
      </c>
      <c r="Y44" s="401">
        <v>128.6</v>
      </c>
      <c r="Z44" s="401">
        <v>16.899999999999999</v>
      </c>
      <c r="AA44" s="401">
        <v>104.5</v>
      </c>
      <c r="AB44" s="401">
        <v>3.9</v>
      </c>
      <c r="AC44" s="401">
        <v>84.9</v>
      </c>
      <c r="AD44" s="401">
        <v>4.7</v>
      </c>
      <c r="AE44" s="401">
        <v>99</v>
      </c>
      <c r="AF44" s="401">
        <v>-6.7</v>
      </c>
      <c r="AG44" s="417">
        <v>89.9</v>
      </c>
      <c r="AH44" s="401">
        <v>2.2999999999999998</v>
      </c>
      <c r="AI44" s="401">
        <v>101</v>
      </c>
      <c r="AJ44" s="401">
        <v>5.6</v>
      </c>
      <c r="AK44" s="444"/>
    </row>
    <row r="45" spans="1:37" s="375" customFormat="1" ht="15" customHeight="1" x14ac:dyDescent="0.15">
      <c r="A45" s="623"/>
      <c r="B45" s="413"/>
      <c r="C45" s="397" t="s">
        <v>0</v>
      </c>
      <c r="D45" s="398" t="s">
        <v>243</v>
      </c>
      <c r="E45" s="399">
        <v>97.5</v>
      </c>
      <c r="F45" s="400">
        <v>-0.7</v>
      </c>
      <c r="G45" s="399">
        <v>100</v>
      </c>
      <c r="H45" s="399">
        <v>1.3</v>
      </c>
      <c r="I45" s="399">
        <v>98.9</v>
      </c>
      <c r="J45" s="399">
        <v>-1.3</v>
      </c>
      <c r="K45" s="399">
        <v>91.3</v>
      </c>
      <c r="L45" s="399">
        <v>-15.9</v>
      </c>
      <c r="M45" s="399">
        <v>103.9</v>
      </c>
      <c r="N45" s="399">
        <v>2.9</v>
      </c>
      <c r="O45" s="399">
        <v>84.9</v>
      </c>
      <c r="P45" s="399">
        <v>-0.6</v>
      </c>
      <c r="Q45" s="399">
        <v>93.1</v>
      </c>
      <c r="R45" s="399">
        <v>-2</v>
      </c>
      <c r="S45" s="399">
        <v>92.5</v>
      </c>
      <c r="T45" s="399">
        <v>2.7</v>
      </c>
      <c r="U45" s="399">
        <v>87.2</v>
      </c>
      <c r="V45" s="399">
        <v>-18.7</v>
      </c>
      <c r="W45" s="399">
        <v>94.8</v>
      </c>
      <c r="X45" s="399">
        <v>-4.9000000000000004</v>
      </c>
      <c r="Y45" s="399">
        <v>126.7</v>
      </c>
      <c r="Z45" s="399">
        <v>15</v>
      </c>
      <c r="AA45" s="399">
        <v>104.4</v>
      </c>
      <c r="AB45" s="399">
        <v>7</v>
      </c>
      <c r="AC45" s="399">
        <v>86</v>
      </c>
      <c r="AD45" s="399">
        <v>4.2</v>
      </c>
      <c r="AE45" s="399">
        <v>99.2</v>
      </c>
      <c r="AF45" s="399">
        <v>-5.3</v>
      </c>
      <c r="AG45" s="418">
        <v>88.9</v>
      </c>
      <c r="AH45" s="399">
        <v>-19.2</v>
      </c>
      <c r="AI45" s="399">
        <v>104.2</v>
      </c>
      <c r="AJ45" s="399">
        <v>6.7</v>
      </c>
      <c r="AK45" s="444"/>
    </row>
    <row r="46" spans="1:37" s="375" customFormat="1" ht="15" customHeight="1" x14ac:dyDescent="0.15">
      <c r="A46" s="623"/>
      <c r="B46" s="413"/>
      <c r="C46" s="397" t="s">
        <v>0</v>
      </c>
      <c r="D46" s="398" t="s">
        <v>244</v>
      </c>
      <c r="E46" s="401">
        <v>99.4</v>
      </c>
      <c r="F46" s="402">
        <v>2.5</v>
      </c>
      <c r="G46" s="401">
        <v>100.3</v>
      </c>
      <c r="H46" s="401">
        <v>0.2</v>
      </c>
      <c r="I46" s="401">
        <v>99.9</v>
      </c>
      <c r="J46" s="401">
        <v>-0.3</v>
      </c>
      <c r="K46" s="401">
        <v>107.6</v>
      </c>
      <c r="L46" s="401">
        <v>-0.6</v>
      </c>
      <c r="M46" s="401">
        <v>104.9</v>
      </c>
      <c r="N46" s="401">
        <v>3.6</v>
      </c>
      <c r="O46" s="401">
        <v>86.5</v>
      </c>
      <c r="P46" s="401">
        <v>-0.7</v>
      </c>
      <c r="Q46" s="401">
        <v>98.4</v>
      </c>
      <c r="R46" s="401">
        <v>3.9</v>
      </c>
      <c r="S46" s="401">
        <v>97.1</v>
      </c>
      <c r="T46" s="401">
        <v>7.2</v>
      </c>
      <c r="U46" s="401">
        <v>90.6</v>
      </c>
      <c r="V46" s="401">
        <v>-10.6</v>
      </c>
      <c r="W46" s="401">
        <v>95.1</v>
      </c>
      <c r="X46" s="401">
        <v>-5</v>
      </c>
      <c r="Y46" s="401">
        <v>128.80000000000001</v>
      </c>
      <c r="Z46" s="401">
        <v>13.7</v>
      </c>
      <c r="AA46" s="401">
        <v>100.9</v>
      </c>
      <c r="AB46" s="401">
        <v>0.2</v>
      </c>
      <c r="AC46" s="401">
        <v>87.7</v>
      </c>
      <c r="AD46" s="401">
        <v>3.9</v>
      </c>
      <c r="AE46" s="401">
        <v>101.6</v>
      </c>
      <c r="AF46" s="401">
        <v>6.7</v>
      </c>
      <c r="AG46" s="401">
        <v>89.7</v>
      </c>
      <c r="AH46" s="417">
        <v>3.6</v>
      </c>
      <c r="AI46" s="401">
        <v>105</v>
      </c>
      <c r="AJ46" s="401">
        <v>8</v>
      </c>
      <c r="AK46" s="444"/>
    </row>
    <row r="47" spans="1:37" s="375" customFormat="1" ht="13.5" customHeight="1" x14ac:dyDescent="0.15">
      <c r="A47" s="623"/>
      <c r="B47" s="413"/>
      <c r="C47" s="397"/>
      <c r="D47" s="398"/>
      <c r="E47" s="401"/>
      <c r="F47" s="402"/>
      <c r="G47" s="401"/>
      <c r="H47" s="401"/>
      <c r="I47" s="401"/>
      <c r="J47" s="401"/>
      <c r="K47" s="401"/>
      <c r="L47" s="401"/>
      <c r="M47" s="401"/>
      <c r="N47" s="401"/>
      <c r="O47" s="401"/>
      <c r="P47" s="401"/>
      <c r="Q47" s="401"/>
      <c r="R47" s="401"/>
      <c r="S47" s="401"/>
      <c r="T47" s="401"/>
      <c r="U47" s="401"/>
      <c r="V47" s="401"/>
      <c r="W47" s="401"/>
      <c r="X47" s="401"/>
      <c r="Y47" s="401"/>
      <c r="Z47" s="401"/>
      <c r="AA47" s="401"/>
      <c r="AB47" s="401"/>
      <c r="AC47" s="401"/>
      <c r="AD47" s="401"/>
      <c r="AE47" s="401"/>
      <c r="AF47" s="401"/>
      <c r="AG47" s="417"/>
      <c r="AH47" s="417"/>
      <c r="AI47" s="401"/>
      <c r="AJ47" s="401"/>
      <c r="AK47" s="444"/>
    </row>
    <row r="48" spans="1:37" s="375" customFormat="1" ht="14.25" customHeight="1" x14ac:dyDescent="0.15">
      <c r="A48" s="623"/>
      <c r="B48" s="413"/>
      <c r="C48" s="397" t="s">
        <v>234</v>
      </c>
      <c r="D48" s="398" t="s">
        <v>232</v>
      </c>
      <c r="E48" s="399">
        <v>97.2</v>
      </c>
      <c r="F48" s="400">
        <v>-0.3</v>
      </c>
      <c r="G48" s="399">
        <v>99.7</v>
      </c>
      <c r="H48" s="399">
        <v>1.1000000000000001</v>
      </c>
      <c r="I48" s="399">
        <v>98.7</v>
      </c>
      <c r="J48" s="399">
        <v>-1.4</v>
      </c>
      <c r="K48" s="399">
        <v>89.9</v>
      </c>
      <c r="L48" s="399">
        <v>-16.2</v>
      </c>
      <c r="M48" s="399">
        <v>104.4</v>
      </c>
      <c r="N48" s="399">
        <v>4</v>
      </c>
      <c r="O48" s="399">
        <v>83.8</v>
      </c>
      <c r="P48" s="399">
        <v>-2</v>
      </c>
      <c r="Q48" s="399">
        <v>96</v>
      </c>
      <c r="R48" s="399">
        <v>6.8</v>
      </c>
      <c r="S48" s="399">
        <v>93.5</v>
      </c>
      <c r="T48" s="399">
        <v>5.0999999999999996</v>
      </c>
      <c r="U48" s="399">
        <v>89.2</v>
      </c>
      <c r="V48" s="399">
        <v>-7.5</v>
      </c>
      <c r="W48" s="399">
        <v>94.4</v>
      </c>
      <c r="X48" s="399">
        <v>-4.5999999999999996</v>
      </c>
      <c r="Y48" s="399">
        <v>130.9</v>
      </c>
      <c r="Z48" s="399">
        <v>19</v>
      </c>
      <c r="AA48" s="399">
        <v>104.7</v>
      </c>
      <c r="AB48" s="399">
        <v>-1.5</v>
      </c>
      <c r="AC48" s="399">
        <v>82.8</v>
      </c>
      <c r="AD48" s="399">
        <v>-0.1</v>
      </c>
      <c r="AE48" s="399">
        <v>98</v>
      </c>
      <c r="AF48" s="399">
        <v>-7.1</v>
      </c>
      <c r="AG48" s="399">
        <v>86.9</v>
      </c>
      <c r="AH48" s="399">
        <v>-4.0999999999999996</v>
      </c>
      <c r="AI48" s="399">
        <v>103.7</v>
      </c>
      <c r="AJ48" s="399">
        <v>6</v>
      </c>
      <c r="AK48" s="444"/>
    </row>
    <row r="49" spans="1:36" ht="11.25" customHeight="1" thickBot="1" x14ac:dyDescent="0.2">
      <c r="A49" s="623"/>
      <c r="B49" s="421"/>
      <c r="C49" s="422"/>
      <c r="D49" s="423"/>
      <c r="E49" s="374"/>
      <c r="F49" s="424"/>
      <c r="G49" s="374"/>
      <c r="H49" s="374"/>
      <c r="I49" s="374"/>
      <c r="J49" s="374"/>
      <c r="K49" s="374"/>
      <c r="L49" s="374"/>
      <c r="M49" s="374"/>
      <c r="N49" s="374"/>
      <c r="O49" s="374"/>
      <c r="P49" s="374"/>
      <c r="Q49" s="374"/>
      <c r="R49" s="374"/>
      <c r="S49" s="374"/>
      <c r="T49" s="374"/>
      <c r="U49" s="374"/>
      <c r="V49" s="374"/>
      <c r="W49" s="374"/>
      <c r="X49" s="374"/>
      <c r="Y49" s="374"/>
      <c r="Z49" s="374"/>
      <c r="AA49" s="374"/>
      <c r="AB49" s="374"/>
      <c r="AC49" s="374"/>
      <c r="AD49" s="374"/>
      <c r="AE49" s="374"/>
      <c r="AF49" s="374"/>
      <c r="AG49" s="374"/>
      <c r="AH49" s="374"/>
      <c r="AI49" s="374"/>
      <c r="AJ49" s="374"/>
    </row>
    <row r="50" spans="1:36" ht="14.1" customHeight="1" x14ac:dyDescent="0.15">
      <c r="A50" s="623"/>
      <c r="C50" s="648" t="s">
        <v>214</v>
      </c>
      <c r="D50" s="648"/>
      <c r="E50" s="648"/>
      <c r="F50" s="648"/>
      <c r="G50" s="648"/>
      <c r="H50" s="648"/>
      <c r="I50" s="648"/>
      <c r="J50" s="648"/>
      <c r="K50" s="648"/>
      <c r="L50" s="648"/>
      <c r="M50" s="648"/>
      <c r="N50" s="648"/>
      <c r="O50" s="648"/>
      <c r="P50" s="648"/>
      <c r="Q50" s="648"/>
      <c r="R50" s="648"/>
      <c r="S50" s="648"/>
      <c r="T50" s="648"/>
      <c r="U50" s="648"/>
      <c r="V50" s="648"/>
      <c r="W50" s="648"/>
      <c r="X50" s="648"/>
      <c r="Y50" s="648"/>
      <c r="Z50" s="648"/>
      <c r="AA50" s="648"/>
      <c r="AB50" s="648"/>
      <c r="AC50" s="648"/>
      <c r="AD50" s="648"/>
      <c r="AE50" s="648"/>
      <c r="AF50" s="648"/>
      <c r="AG50" s="648"/>
      <c r="AH50" s="648"/>
      <c r="AI50" s="648"/>
      <c r="AJ50" s="648"/>
    </row>
  </sheetData>
  <protectedRanges>
    <protectedRange sqref="U26:V26" name="範囲1_1_1"/>
    <protectedRange sqref="W26:AB26" name="範囲1_1_2"/>
    <protectedRange sqref="U47:AB47" name="範囲1_1_3"/>
    <protectedRange sqref="AI26:AJ26" name="範囲1_1_4"/>
    <protectedRange sqref="AI47:AJ47" name="範囲1_1_5"/>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J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83DC08-F5E4-4A18-AD0F-6275753E7B84}">
  <sheetPr codeName="Sheet20">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9" customWidth="1"/>
    <col min="3" max="3" width="6.625" style="38" customWidth="1"/>
    <col min="4" max="4" width="3.875" style="38" customWidth="1"/>
    <col min="5" max="32" width="4.875" style="38" customWidth="1"/>
    <col min="33" max="34" width="5.125" style="38" bestFit="1" customWidth="1"/>
    <col min="35" max="36" width="4.875" style="38" customWidth="1"/>
    <col min="37" max="37" width="9" style="38"/>
  </cols>
  <sheetData>
    <row r="1" spans="1:37" ht="18.75" customHeight="1" x14ac:dyDescent="0.15">
      <c r="A1" s="547" t="s">
        <v>219</v>
      </c>
      <c r="B1" s="10" t="s">
        <v>220</v>
      </c>
      <c r="D1" s="323"/>
      <c r="E1" s="323"/>
      <c r="F1" s="323"/>
      <c r="G1" s="323"/>
      <c r="H1" s="323"/>
      <c r="I1" s="323"/>
      <c r="J1" s="323"/>
      <c r="K1" s="323"/>
      <c r="L1" s="323"/>
      <c r="M1" s="323"/>
      <c r="N1" s="323"/>
      <c r="O1" s="323"/>
      <c r="P1" s="323"/>
      <c r="Q1" s="323"/>
      <c r="R1" s="323"/>
      <c r="S1" s="323"/>
      <c r="T1" s="323"/>
      <c r="U1" s="323"/>
      <c r="V1" s="323"/>
      <c r="W1" s="323"/>
      <c r="X1" s="323"/>
      <c r="Y1" s="323"/>
      <c r="Z1" s="323"/>
      <c r="AA1" s="323"/>
      <c r="AB1" s="323"/>
      <c r="AC1" s="323"/>
      <c r="AD1" s="323"/>
      <c r="AE1" s="323"/>
      <c r="AF1" s="549" t="s">
        <v>213</v>
      </c>
      <c r="AG1" s="549"/>
      <c r="AH1" s="549"/>
      <c r="AI1" s="549"/>
      <c r="AJ1" s="549"/>
    </row>
    <row r="2" spans="1:37" s="326" customFormat="1" ht="3.75" customHeight="1" thickBot="1" x14ac:dyDescent="0.2">
      <c r="A2" s="547"/>
      <c r="B2" s="128"/>
      <c r="C2" s="130"/>
      <c r="D2" s="130"/>
      <c r="E2" s="130"/>
      <c r="F2" s="130"/>
      <c r="G2" s="130"/>
      <c r="H2" s="586"/>
      <c r="I2" s="586"/>
      <c r="J2" s="586"/>
      <c r="K2" s="586"/>
      <c r="L2" s="586"/>
      <c r="M2" s="130"/>
      <c r="N2" s="130"/>
      <c r="O2" s="130"/>
      <c r="P2" s="586"/>
      <c r="Q2" s="586"/>
      <c r="R2" s="586"/>
      <c r="S2" s="586"/>
      <c r="T2" s="586"/>
      <c r="U2" s="130"/>
      <c r="V2" s="130"/>
      <c r="W2" s="130"/>
      <c r="X2" s="130"/>
      <c r="Y2" s="130"/>
      <c r="Z2" s="130"/>
      <c r="AA2" s="130"/>
      <c r="AB2" s="129"/>
      <c r="AC2" s="129"/>
      <c r="AD2" s="129"/>
      <c r="AE2" s="129"/>
      <c r="AF2" s="325"/>
      <c r="AG2" s="325"/>
      <c r="AH2" s="325"/>
      <c r="AI2" s="325"/>
      <c r="AJ2" s="325"/>
      <c r="AK2" s="129"/>
    </row>
    <row r="3" spans="1:37" s="326" customFormat="1" ht="6" customHeight="1" x14ac:dyDescent="0.15">
      <c r="A3" s="547"/>
      <c r="B3" s="327"/>
      <c r="C3" s="601"/>
      <c r="D3" s="60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29"/>
    </row>
    <row r="4" spans="1:37" s="326" customFormat="1" ht="12" customHeight="1" x14ac:dyDescent="0.15">
      <c r="A4" s="547"/>
      <c r="B4" s="128"/>
      <c r="C4" s="603"/>
      <c r="D4" s="604"/>
      <c r="E4" s="588" t="s">
        <v>90</v>
      </c>
      <c r="F4" s="607"/>
      <c r="G4" s="608" t="s">
        <v>1</v>
      </c>
      <c r="H4" s="589"/>
      <c r="I4" s="588" t="s">
        <v>2</v>
      </c>
      <c r="J4" s="589"/>
      <c r="K4" s="588" t="s">
        <v>183</v>
      </c>
      <c r="L4" s="589"/>
      <c r="M4" s="588" t="s">
        <v>184</v>
      </c>
      <c r="N4" s="590"/>
      <c r="O4" s="588" t="s">
        <v>185</v>
      </c>
      <c r="P4" s="590"/>
      <c r="Q4" s="588" t="s">
        <v>186</v>
      </c>
      <c r="R4" s="590"/>
      <c r="S4" s="588" t="s">
        <v>187</v>
      </c>
      <c r="T4" s="590"/>
      <c r="U4" s="588" t="s">
        <v>188</v>
      </c>
      <c r="V4" s="590"/>
      <c r="W4" s="591" t="s">
        <v>189</v>
      </c>
      <c r="X4" s="592"/>
      <c r="Y4" s="588" t="s">
        <v>190</v>
      </c>
      <c r="Z4" s="593"/>
      <c r="AA4" s="591" t="s">
        <v>191</v>
      </c>
      <c r="AB4" s="592"/>
      <c r="AC4" s="588" t="s">
        <v>192</v>
      </c>
      <c r="AD4" s="593"/>
      <c r="AE4" s="588" t="s">
        <v>193</v>
      </c>
      <c r="AF4" s="593"/>
      <c r="AG4" s="588" t="s">
        <v>194</v>
      </c>
      <c r="AH4" s="593"/>
      <c r="AI4" s="588" t="s">
        <v>195</v>
      </c>
      <c r="AJ4" s="609"/>
      <c r="AK4" s="129"/>
    </row>
    <row r="5" spans="1:37" s="326" customFormat="1" ht="12" customHeight="1" x14ac:dyDescent="0.15">
      <c r="A5" s="547"/>
      <c r="B5" s="128"/>
      <c r="C5" s="603"/>
      <c r="D5" s="604"/>
      <c r="E5" s="332"/>
      <c r="F5" s="333"/>
      <c r="G5" s="334"/>
      <c r="H5" s="335"/>
      <c r="I5" s="332"/>
      <c r="J5" s="335"/>
      <c r="K5" s="591" t="s">
        <v>196</v>
      </c>
      <c r="L5" s="592"/>
      <c r="M5" s="610"/>
      <c r="N5" s="590"/>
      <c r="O5" s="611" t="s">
        <v>197</v>
      </c>
      <c r="P5" s="590"/>
      <c r="Q5" s="588" t="s">
        <v>198</v>
      </c>
      <c r="R5" s="590"/>
      <c r="S5" s="588" t="s">
        <v>199</v>
      </c>
      <c r="T5" s="590"/>
      <c r="U5" s="588" t="s">
        <v>200</v>
      </c>
      <c r="V5" s="590"/>
      <c r="W5" s="591" t="s">
        <v>201</v>
      </c>
      <c r="X5" s="592"/>
      <c r="Y5" s="591" t="s">
        <v>202</v>
      </c>
      <c r="Z5" s="592"/>
      <c r="AA5" s="588" t="s">
        <v>203</v>
      </c>
      <c r="AB5" s="590"/>
      <c r="AC5" s="588" t="s">
        <v>204</v>
      </c>
      <c r="AD5" s="593"/>
      <c r="AE5" s="588"/>
      <c r="AF5" s="590"/>
      <c r="AG5" s="588" t="s">
        <v>205</v>
      </c>
      <c r="AH5" s="590"/>
      <c r="AI5" s="588"/>
      <c r="AJ5" s="614"/>
      <c r="AK5" s="129"/>
    </row>
    <row r="6" spans="1:37" s="337" customFormat="1" ht="15" customHeight="1" x14ac:dyDescent="0.15">
      <c r="A6" s="547"/>
      <c r="B6" s="336"/>
      <c r="C6" s="603"/>
      <c r="D6" s="604"/>
      <c r="E6" s="612" t="s">
        <v>206</v>
      </c>
      <c r="F6" s="615"/>
      <c r="G6" s="616" t="s">
        <v>206</v>
      </c>
      <c r="H6" s="613"/>
      <c r="I6" s="612" t="s">
        <v>206</v>
      </c>
      <c r="J6" s="613"/>
      <c r="K6" s="612" t="s">
        <v>206</v>
      </c>
      <c r="L6" s="613"/>
      <c r="M6" s="612" t="s">
        <v>206</v>
      </c>
      <c r="N6" s="613"/>
      <c r="O6" s="612" t="s">
        <v>206</v>
      </c>
      <c r="P6" s="613"/>
      <c r="Q6" s="612" t="s">
        <v>206</v>
      </c>
      <c r="R6" s="613"/>
      <c r="S6" s="612" t="s">
        <v>206</v>
      </c>
      <c r="T6" s="613"/>
      <c r="U6" s="612" t="s">
        <v>206</v>
      </c>
      <c r="V6" s="613"/>
      <c r="W6" s="612" t="s">
        <v>206</v>
      </c>
      <c r="X6" s="613"/>
      <c r="Y6" s="612" t="s">
        <v>206</v>
      </c>
      <c r="Z6" s="613"/>
      <c r="AA6" s="612" t="s">
        <v>206</v>
      </c>
      <c r="AB6" s="613"/>
      <c r="AC6" s="612" t="s">
        <v>206</v>
      </c>
      <c r="AD6" s="613"/>
      <c r="AE6" s="612" t="s">
        <v>206</v>
      </c>
      <c r="AF6" s="613"/>
      <c r="AG6" s="612" t="s">
        <v>206</v>
      </c>
      <c r="AH6" s="613"/>
      <c r="AI6" s="612" t="s">
        <v>206</v>
      </c>
      <c r="AJ6" s="616"/>
      <c r="AK6" s="130"/>
    </row>
    <row r="7" spans="1:37" s="326" customFormat="1" ht="7.5" customHeight="1" x14ac:dyDescent="0.15">
      <c r="A7" s="547"/>
      <c r="B7" s="338"/>
      <c r="C7" s="605"/>
      <c r="D7" s="606"/>
      <c r="E7" s="339"/>
      <c r="F7" s="340" t="s">
        <v>165</v>
      </c>
      <c r="G7" s="341"/>
      <c r="H7" s="342" t="s">
        <v>165</v>
      </c>
      <c r="I7" s="339"/>
      <c r="J7" s="342" t="s">
        <v>165</v>
      </c>
      <c r="K7" s="339"/>
      <c r="L7" s="342" t="s">
        <v>165</v>
      </c>
      <c r="M7" s="339"/>
      <c r="N7" s="342" t="s">
        <v>165</v>
      </c>
      <c r="O7" s="339"/>
      <c r="P7" s="342" t="s">
        <v>165</v>
      </c>
      <c r="Q7" s="339"/>
      <c r="R7" s="342" t="s">
        <v>165</v>
      </c>
      <c r="S7" s="339"/>
      <c r="T7" s="342" t="s">
        <v>165</v>
      </c>
      <c r="U7" s="339"/>
      <c r="V7" s="342" t="s">
        <v>165</v>
      </c>
      <c r="W7" s="339"/>
      <c r="X7" s="342" t="s">
        <v>165</v>
      </c>
      <c r="Y7" s="339"/>
      <c r="Z7" s="342" t="s">
        <v>165</v>
      </c>
      <c r="AA7" s="339"/>
      <c r="AB7" s="342" t="s">
        <v>165</v>
      </c>
      <c r="AC7" s="339"/>
      <c r="AD7" s="342" t="s">
        <v>165</v>
      </c>
      <c r="AE7" s="339"/>
      <c r="AF7" s="342" t="s">
        <v>165</v>
      </c>
      <c r="AG7" s="339"/>
      <c r="AH7" s="342" t="s">
        <v>165</v>
      </c>
      <c r="AI7" s="339"/>
      <c r="AJ7" s="262" t="s">
        <v>165</v>
      </c>
      <c r="AK7" s="129"/>
    </row>
    <row r="8" spans="1:37" s="326" customFormat="1" ht="11.25" customHeight="1" x14ac:dyDescent="0.15">
      <c r="A8" s="547"/>
      <c r="B8" s="594" t="s">
        <v>207</v>
      </c>
      <c r="C8" s="343"/>
      <c r="D8" s="430"/>
      <c r="E8" s="266"/>
      <c r="F8" s="267"/>
      <c r="G8" s="266"/>
      <c r="H8" s="266"/>
      <c r="I8" s="266"/>
      <c r="J8" s="266"/>
      <c r="K8" s="266"/>
      <c r="L8" s="266"/>
      <c r="M8" s="266"/>
      <c r="N8" s="266"/>
      <c r="O8" s="266"/>
      <c r="P8" s="266"/>
      <c r="Q8" s="266"/>
      <c r="R8" s="266"/>
      <c r="S8" s="266"/>
      <c r="T8" s="266"/>
      <c r="U8" s="266"/>
      <c r="V8" s="266"/>
      <c r="W8" s="266"/>
      <c r="X8" s="266"/>
      <c r="Y8" s="266"/>
      <c r="Z8" s="266"/>
      <c r="AA8" s="266"/>
      <c r="AB8" s="266"/>
      <c r="AC8" s="266"/>
      <c r="AD8" s="266"/>
      <c r="AE8" s="266"/>
      <c r="AF8" s="266"/>
      <c r="AG8" s="266"/>
      <c r="AH8" s="266"/>
      <c r="AI8" s="266"/>
      <c r="AJ8" s="266"/>
      <c r="AK8" s="129"/>
    </row>
    <row r="9" spans="1:37" s="326" customFormat="1" ht="14.25" customHeight="1" x14ac:dyDescent="0.15">
      <c r="A9" s="547"/>
      <c r="B9" s="595"/>
      <c r="C9" s="347" t="s">
        <v>227</v>
      </c>
      <c r="D9" s="348" t="s">
        <v>228</v>
      </c>
      <c r="E9" s="349">
        <v>100.5</v>
      </c>
      <c r="F9" s="350">
        <v>0.4</v>
      </c>
      <c r="G9" s="349">
        <v>102.3</v>
      </c>
      <c r="H9" s="349">
        <v>2.4</v>
      </c>
      <c r="I9" s="349">
        <v>101.5</v>
      </c>
      <c r="J9" s="349">
        <v>1.5</v>
      </c>
      <c r="K9" s="349">
        <v>100</v>
      </c>
      <c r="L9" s="349">
        <v>0</v>
      </c>
      <c r="M9" s="349">
        <v>101.9</v>
      </c>
      <c r="N9" s="349">
        <v>2</v>
      </c>
      <c r="O9" s="349">
        <v>98</v>
      </c>
      <c r="P9" s="349">
        <v>-2</v>
      </c>
      <c r="Q9" s="349">
        <v>97.8</v>
      </c>
      <c r="R9" s="349">
        <v>-2.2000000000000002</v>
      </c>
      <c r="S9" s="349">
        <v>98.8</v>
      </c>
      <c r="T9" s="349">
        <v>-1.3</v>
      </c>
      <c r="U9" s="349">
        <v>106.6</v>
      </c>
      <c r="V9" s="349">
        <v>6.6</v>
      </c>
      <c r="W9" s="349">
        <v>100.5</v>
      </c>
      <c r="X9" s="349">
        <v>0.6</v>
      </c>
      <c r="Y9" s="349">
        <v>100.8</v>
      </c>
      <c r="Z9" s="349">
        <v>0.7</v>
      </c>
      <c r="AA9" s="349">
        <v>110.7</v>
      </c>
      <c r="AB9" s="349">
        <v>10.6</v>
      </c>
      <c r="AC9" s="349">
        <v>104.7</v>
      </c>
      <c r="AD9" s="349">
        <v>4.7</v>
      </c>
      <c r="AE9" s="349">
        <v>97</v>
      </c>
      <c r="AF9" s="349">
        <v>-3</v>
      </c>
      <c r="AG9" s="349">
        <v>99.6</v>
      </c>
      <c r="AH9" s="349">
        <v>-0.4</v>
      </c>
      <c r="AI9" s="349">
        <v>102.8</v>
      </c>
      <c r="AJ9" s="349">
        <v>2.7</v>
      </c>
      <c r="AK9" s="129"/>
    </row>
    <row r="10" spans="1:37" s="326" customFormat="1" ht="14.25" customHeight="1" x14ac:dyDescent="0.15">
      <c r="A10" s="547"/>
      <c r="B10" s="595"/>
      <c r="C10" s="347" t="s">
        <v>227</v>
      </c>
      <c r="D10" s="348" t="s">
        <v>229</v>
      </c>
      <c r="E10" s="351">
        <v>100.4</v>
      </c>
      <c r="F10" s="352">
        <v>-0.1</v>
      </c>
      <c r="G10" s="351">
        <v>102.8</v>
      </c>
      <c r="H10" s="351">
        <v>0.5</v>
      </c>
      <c r="I10" s="351">
        <v>104.4</v>
      </c>
      <c r="J10" s="351">
        <v>2.9</v>
      </c>
      <c r="K10" s="351">
        <v>101.9</v>
      </c>
      <c r="L10" s="351">
        <v>1.9</v>
      </c>
      <c r="M10" s="351">
        <v>102.9</v>
      </c>
      <c r="N10" s="351">
        <v>1</v>
      </c>
      <c r="O10" s="351">
        <v>97.5</v>
      </c>
      <c r="P10" s="351">
        <v>-0.5</v>
      </c>
      <c r="Q10" s="351">
        <v>98.7</v>
      </c>
      <c r="R10" s="351">
        <v>0.9</v>
      </c>
      <c r="S10" s="351">
        <v>97.8</v>
      </c>
      <c r="T10" s="351">
        <v>-1</v>
      </c>
      <c r="U10" s="351">
        <v>102.3</v>
      </c>
      <c r="V10" s="351">
        <v>-4</v>
      </c>
      <c r="W10" s="351">
        <v>98.5</v>
      </c>
      <c r="X10" s="351">
        <v>-2</v>
      </c>
      <c r="Y10" s="351">
        <v>114.6</v>
      </c>
      <c r="Z10" s="351">
        <v>13.7</v>
      </c>
      <c r="AA10" s="351">
        <v>112</v>
      </c>
      <c r="AB10" s="351">
        <v>1.2</v>
      </c>
      <c r="AC10" s="351">
        <v>92</v>
      </c>
      <c r="AD10" s="351">
        <v>-12.1</v>
      </c>
      <c r="AE10" s="351">
        <v>101.5</v>
      </c>
      <c r="AF10" s="351">
        <v>4.5999999999999996</v>
      </c>
      <c r="AG10" s="351">
        <v>97</v>
      </c>
      <c r="AH10" s="351">
        <v>-2.6</v>
      </c>
      <c r="AI10" s="351">
        <v>98.2</v>
      </c>
      <c r="AJ10" s="351">
        <v>-4.5</v>
      </c>
      <c r="AK10" s="129"/>
    </row>
    <row r="11" spans="1:37" s="326" customFormat="1" ht="14.25" customHeight="1" x14ac:dyDescent="0.15">
      <c r="A11" s="547"/>
      <c r="B11" s="595"/>
      <c r="C11" s="347" t="s">
        <v>227</v>
      </c>
      <c r="D11" s="348" t="s">
        <v>230</v>
      </c>
      <c r="E11" s="349">
        <v>101</v>
      </c>
      <c r="F11" s="350">
        <v>0.6</v>
      </c>
      <c r="G11" s="349">
        <v>104.6</v>
      </c>
      <c r="H11" s="349">
        <v>1.8</v>
      </c>
      <c r="I11" s="349">
        <v>104.8</v>
      </c>
      <c r="J11" s="349">
        <v>0.4</v>
      </c>
      <c r="K11" s="349">
        <v>102</v>
      </c>
      <c r="L11" s="349">
        <v>0.1</v>
      </c>
      <c r="M11" s="349">
        <v>104.9</v>
      </c>
      <c r="N11" s="349">
        <v>1.9</v>
      </c>
      <c r="O11" s="349">
        <v>102.1</v>
      </c>
      <c r="P11" s="349">
        <v>4.7</v>
      </c>
      <c r="Q11" s="349">
        <v>99.1</v>
      </c>
      <c r="R11" s="349">
        <v>0.4</v>
      </c>
      <c r="S11" s="349">
        <v>97.2</v>
      </c>
      <c r="T11" s="349">
        <v>-0.6</v>
      </c>
      <c r="U11" s="349">
        <v>105.8</v>
      </c>
      <c r="V11" s="349">
        <v>3.4</v>
      </c>
      <c r="W11" s="349">
        <v>98.8</v>
      </c>
      <c r="X11" s="349">
        <v>0.3</v>
      </c>
      <c r="Y11" s="349">
        <v>113.9</v>
      </c>
      <c r="Z11" s="349">
        <v>-0.6</v>
      </c>
      <c r="AA11" s="349">
        <v>111.5</v>
      </c>
      <c r="AB11" s="349">
        <v>-0.4</v>
      </c>
      <c r="AC11" s="349">
        <v>95.9</v>
      </c>
      <c r="AD11" s="349">
        <v>4.2</v>
      </c>
      <c r="AE11" s="349">
        <v>102.8</v>
      </c>
      <c r="AF11" s="349">
        <v>1.3</v>
      </c>
      <c r="AG11" s="349">
        <v>100</v>
      </c>
      <c r="AH11" s="349">
        <v>3.1</v>
      </c>
      <c r="AI11" s="349">
        <v>96.9</v>
      </c>
      <c r="AJ11" s="349">
        <v>-1.3</v>
      </c>
      <c r="AK11" s="129"/>
    </row>
    <row r="12" spans="1:37" s="326" customFormat="1" ht="14.25" customHeight="1" x14ac:dyDescent="0.15">
      <c r="A12" s="547"/>
      <c r="B12" s="595"/>
      <c r="C12" s="347" t="s">
        <v>227</v>
      </c>
      <c r="D12" s="348" t="s">
        <v>231</v>
      </c>
      <c r="E12" s="351">
        <v>100.7</v>
      </c>
      <c r="F12" s="352">
        <v>-1.2</v>
      </c>
      <c r="G12" s="351">
        <v>105.8</v>
      </c>
      <c r="H12" s="351">
        <v>1</v>
      </c>
      <c r="I12" s="351">
        <v>102.1</v>
      </c>
      <c r="J12" s="351">
        <v>-2.9</v>
      </c>
      <c r="K12" s="351">
        <v>102.3</v>
      </c>
      <c r="L12" s="351">
        <v>0.1</v>
      </c>
      <c r="M12" s="351">
        <v>102.9</v>
      </c>
      <c r="N12" s="351">
        <v>-2</v>
      </c>
      <c r="O12" s="351">
        <v>100.8</v>
      </c>
      <c r="P12" s="351">
        <v>-1.3</v>
      </c>
      <c r="Q12" s="351">
        <v>95.6</v>
      </c>
      <c r="R12" s="351">
        <v>-3.4</v>
      </c>
      <c r="S12" s="351">
        <v>95.7</v>
      </c>
      <c r="T12" s="351">
        <v>-1.7</v>
      </c>
      <c r="U12" s="351">
        <v>108.5</v>
      </c>
      <c r="V12" s="351">
        <v>2.4</v>
      </c>
      <c r="W12" s="351">
        <v>98.4</v>
      </c>
      <c r="X12" s="351">
        <v>-1.1000000000000001</v>
      </c>
      <c r="Y12" s="351">
        <v>103</v>
      </c>
      <c r="Z12" s="351">
        <v>-8.3000000000000007</v>
      </c>
      <c r="AA12" s="351">
        <v>112.2</v>
      </c>
      <c r="AB12" s="351">
        <v>0.1</v>
      </c>
      <c r="AC12" s="351">
        <v>97.3</v>
      </c>
      <c r="AD12" s="351">
        <v>-2.6</v>
      </c>
      <c r="AE12" s="351">
        <v>105.4</v>
      </c>
      <c r="AF12" s="351">
        <v>2.5</v>
      </c>
      <c r="AG12" s="351">
        <v>98.9</v>
      </c>
      <c r="AH12" s="351">
        <v>-0.8</v>
      </c>
      <c r="AI12" s="351">
        <v>101.6</v>
      </c>
      <c r="AJ12" s="351">
        <v>4.7</v>
      </c>
      <c r="AK12" s="129"/>
    </row>
    <row r="13" spans="1:37" s="326" customFormat="1" ht="14.25" customHeight="1" x14ac:dyDescent="0.15">
      <c r="A13" s="547"/>
      <c r="B13" s="59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29"/>
    </row>
    <row r="14" spans="1:37" s="326" customFormat="1" ht="15" customHeight="1" x14ac:dyDescent="0.15">
      <c r="A14" s="547"/>
      <c r="B14" s="595"/>
      <c r="C14" s="347" t="s">
        <v>208</v>
      </c>
      <c r="D14" s="348" t="s">
        <v>232</v>
      </c>
      <c r="E14" s="349">
        <v>102.6</v>
      </c>
      <c r="F14" s="350">
        <v>-0.8</v>
      </c>
      <c r="G14" s="349">
        <v>108.4</v>
      </c>
      <c r="H14" s="349">
        <v>0.1</v>
      </c>
      <c r="I14" s="349">
        <v>107.4</v>
      </c>
      <c r="J14" s="349">
        <v>-1.5</v>
      </c>
      <c r="K14" s="349">
        <v>103.5</v>
      </c>
      <c r="L14" s="349">
        <v>-0.6</v>
      </c>
      <c r="M14" s="349">
        <v>105.7</v>
      </c>
      <c r="N14" s="349">
        <v>-1.4</v>
      </c>
      <c r="O14" s="349">
        <v>101.3</v>
      </c>
      <c r="P14" s="349">
        <v>-5.5</v>
      </c>
      <c r="Q14" s="349">
        <v>97.3</v>
      </c>
      <c r="R14" s="349">
        <v>-3.7</v>
      </c>
      <c r="S14" s="349">
        <v>96.6</v>
      </c>
      <c r="T14" s="349">
        <v>-0.8</v>
      </c>
      <c r="U14" s="349">
        <v>110.9</v>
      </c>
      <c r="V14" s="349">
        <v>3.5</v>
      </c>
      <c r="W14" s="349">
        <v>101.9</v>
      </c>
      <c r="X14" s="349">
        <v>-1.1000000000000001</v>
      </c>
      <c r="Y14" s="349">
        <v>98.1</v>
      </c>
      <c r="Z14" s="349">
        <v>-4.8</v>
      </c>
      <c r="AA14" s="349">
        <v>112.7</v>
      </c>
      <c r="AB14" s="349">
        <v>0.4</v>
      </c>
      <c r="AC14" s="349">
        <v>105.6</v>
      </c>
      <c r="AD14" s="349">
        <v>2.9</v>
      </c>
      <c r="AE14" s="349">
        <v>105</v>
      </c>
      <c r="AF14" s="349">
        <v>0.7</v>
      </c>
      <c r="AG14" s="349">
        <v>99.9</v>
      </c>
      <c r="AH14" s="349">
        <v>3.3</v>
      </c>
      <c r="AI14" s="349">
        <v>103</v>
      </c>
      <c r="AJ14" s="349">
        <v>5.3</v>
      </c>
      <c r="AK14" s="129"/>
    </row>
    <row r="15" spans="1:37" s="326" customFormat="1" ht="15" customHeight="1" x14ac:dyDescent="0.15">
      <c r="A15" s="547"/>
      <c r="B15" s="595"/>
      <c r="C15" s="347" t="s">
        <v>0</v>
      </c>
      <c r="D15" s="348" t="s">
        <v>233</v>
      </c>
      <c r="E15" s="351">
        <v>100.5</v>
      </c>
      <c r="F15" s="352">
        <v>-1.3</v>
      </c>
      <c r="G15" s="351">
        <v>105.7</v>
      </c>
      <c r="H15" s="351">
        <v>-0.6</v>
      </c>
      <c r="I15" s="351">
        <v>103.3</v>
      </c>
      <c r="J15" s="351">
        <v>-1.8</v>
      </c>
      <c r="K15" s="351">
        <v>99.3</v>
      </c>
      <c r="L15" s="351">
        <v>-1.2</v>
      </c>
      <c r="M15" s="351">
        <v>104.2</v>
      </c>
      <c r="N15" s="351">
        <v>-0.6</v>
      </c>
      <c r="O15" s="351">
        <v>100.6</v>
      </c>
      <c r="P15" s="351">
        <v>-6.7</v>
      </c>
      <c r="Q15" s="351">
        <v>96.8</v>
      </c>
      <c r="R15" s="351">
        <v>-3.4</v>
      </c>
      <c r="S15" s="351">
        <v>98.4</v>
      </c>
      <c r="T15" s="351">
        <v>0.2</v>
      </c>
      <c r="U15" s="351">
        <v>107.7</v>
      </c>
      <c r="V15" s="351">
        <v>2.4</v>
      </c>
      <c r="W15" s="351">
        <v>96.5</v>
      </c>
      <c r="X15" s="351">
        <v>-2.1</v>
      </c>
      <c r="Y15" s="351">
        <v>103.2</v>
      </c>
      <c r="Z15" s="351">
        <v>-9.9</v>
      </c>
      <c r="AA15" s="351">
        <v>113.3</v>
      </c>
      <c r="AB15" s="351">
        <v>0.5</v>
      </c>
      <c r="AC15" s="351">
        <v>92.8</v>
      </c>
      <c r="AD15" s="351">
        <v>1.9</v>
      </c>
      <c r="AE15" s="351">
        <v>105.1</v>
      </c>
      <c r="AF15" s="351">
        <v>2.7</v>
      </c>
      <c r="AG15" s="351">
        <v>104.1</v>
      </c>
      <c r="AH15" s="351">
        <v>0.2</v>
      </c>
      <c r="AI15" s="351">
        <v>99.8</v>
      </c>
      <c r="AJ15" s="351">
        <v>3.6</v>
      </c>
      <c r="AK15" s="129"/>
    </row>
    <row r="16" spans="1:37" s="326" customFormat="1" ht="15" customHeight="1" x14ac:dyDescent="0.15">
      <c r="A16" s="547"/>
      <c r="B16" s="595"/>
      <c r="C16" s="347" t="s">
        <v>234</v>
      </c>
      <c r="D16" s="348" t="s">
        <v>235</v>
      </c>
      <c r="E16" s="349">
        <v>94</v>
      </c>
      <c r="F16" s="350">
        <v>-1.4</v>
      </c>
      <c r="G16" s="349">
        <v>100.8</v>
      </c>
      <c r="H16" s="349">
        <v>1.4</v>
      </c>
      <c r="I16" s="349">
        <v>95</v>
      </c>
      <c r="J16" s="349">
        <v>2.8</v>
      </c>
      <c r="K16" s="349">
        <v>98.2</v>
      </c>
      <c r="L16" s="349">
        <v>2.9</v>
      </c>
      <c r="M16" s="349">
        <v>102.6</v>
      </c>
      <c r="N16" s="349">
        <v>4.0999999999999996</v>
      </c>
      <c r="O16" s="349">
        <v>88.9</v>
      </c>
      <c r="P16" s="349">
        <v>-8.6999999999999993</v>
      </c>
      <c r="Q16" s="349">
        <v>88.9</v>
      </c>
      <c r="R16" s="349">
        <v>-2.9</v>
      </c>
      <c r="S16" s="349">
        <v>91.5</v>
      </c>
      <c r="T16" s="349">
        <v>4.9000000000000004</v>
      </c>
      <c r="U16" s="349">
        <v>97.5</v>
      </c>
      <c r="V16" s="349">
        <v>-2.8</v>
      </c>
      <c r="W16" s="349">
        <v>90.4</v>
      </c>
      <c r="X16" s="349">
        <v>0</v>
      </c>
      <c r="Y16" s="349">
        <v>102.4</v>
      </c>
      <c r="Z16" s="349">
        <v>-3.1</v>
      </c>
      <c r="AA16" s="349">
        <v>103.5</v>
      </c>
      <c r="AB16" s="349">
        <v>-5.0999999999999996</v>
      </c>
      <c r="AC16" s="349">
        <v>106</v>
      </c>
      <c r="AD16" s="349">
        <v>15.3</v>
      </c>
      <c r="AE16" s="349">
        <v>93.4</v>
      </c>
      <c r="AF16" s="349">
        <v>-8.5</v>
      </c>
      <c r="AG16" s="349">
        <v>97.5</v>
      </c>
      <c r="AH16" s="349">
        <v>-1.7</v>
      </c>
      <c r="AI16" s="349">
        <v>95</v>
      </c>
      <c r="AJ16" s="349">
        <v>2.2000000000000002</v>
      </c>
      <c r="AK16" s="129"/>
    </row>
    <row r="17" spans="1:37" s="326" customFormat="1" ht="15" customHeight="1" x14ac:dyDescent="0.15">
      <c r="A17" s="547"/>
      <c r="B17" s="595"/>
      <c r="C17" s="347" t="s">
        <v>0</v>
      </c>
      <c r="D17" s="348" t="s">
        <v>236</v>
      </c>
      <c r="E17" s="351">
        <v>93.9</v>
      </c>
      <c r="F17" s="352">
        <v>-5.3</v>
      </c>
      <c r="G17" s="351">
        <v>101.1</v>
      </c>
      <c r="H17" s="351">
        <v>-5.8</v>
      </c>
      <c r="I17" s="351">
        <v>99.4</v>
      </c>
      <c r="J17" s="351">
        <v>-3.4</v>
      </c>
      <c r="K17" s="351">
        <v>94.5</v>
      </c>
      <c r="L17" s="351">
        <v>-2.7</v>
      </c>
      <c r="M17" s="351">
        <v>94.7</v>
      </c>
      <c r="N17" s="351">
        <v>-4.0999999999999996</v>
      </c>
      <c r="O17" s="351">
        <v>90.2</v>
      </c>
      <c r="P17" s="351">
        <v>-9.9</v>
      </c>
      <c r="Q17" s="351">
        <v>87.9</v>
      </c>
      <c r="R17" s="351">
        <v>-6.2</v>
      </c>
      <c r="S17" s="351">
        <v>89.7</v>
      </c>
      <c r="T17" s="351">
        <v>2.7</v>
      </c>
      <c r="U17" s="351">
        <v>95.6</v>
      </c>
      <c r="V17" s="351">
        <v>-12.9</v>
      </c>
      <c r="W17" s="351">
        <v>93.4</v>
      </c>
      <c r="X17" s="351">
        <v>-3.4</v>
      </c>
      <c r="Y17" s="351">
        <v>96.5</v>
      </c>
      <c r="Z17" s="351">
        <v>-7.7</v>
      </c>
      <c r="AA17" s="351">
        <v>98</v>
      </c>
      <c r="AB17" s="351">
        <v>-3.1</v>
      </c>
      <c r="AC17" s="351">
        <v>105.9</v>
      </c>
      <c r="AD17" s="351">
        <v>9</v>
      </c>
      <c r="AE17" s="351">
        <v>92.4</v>
      </c>
      <c r="AF17" s="351">
        <v>-9.1999999999999993</v>
      </c>
      <c r="AG17" s="351">
        <v>89.1</v>
      </c>
      <c r="AH17" s="351">
        <v>-2.5</v>
      </c>
      <c r="AI17" s="351">
        <v>96.7</v>
      </c>
      <c r="AJ17" s="351">
        <v>-5.4</v>
      </c>
      <c r="AK17" s="129"/>
    </row>
    <row r="18" spans="1:37" s="326" customFormat="1" ht="15" customHeight="1" x14ac:dyDescent="0.15">
      <c r="A18" s="547"/>
      <c r="B18" s="595"/>
      <c r="C18" s="347" t="s">
        <v>0</v>
      </c>
      <c r="D18" s="348" t="s">
        <v>237</v>
      </c>
      <c r="E18" s="349">
        <v>97</v>
      </c>
      <c r="F18" s="350">
        <v>-3.1</v>
      </c>
      <c r="G18" s="349">
        <v>103.5</v>
      </c>
      <c r="H18" s="349">
        <v>-1.6</v>
      </c>
      <c r="I18" s="349">
        <v>99.7</v>
      </c>
      <c r="J18" s="349">
        <v>-2.9</v>
      </c>
      <c r="K18" s="349">
        <v>96.7</v>
      </c>
      <c r="L18" s="349">
        <v>-4.7</v>
      </c>
      <c r="M18" s="349">
        <v>103.9</v>
      </c>
      <c r="N18" s="349">
        <v>1.9</v>
      </c>
      <c r="O18" s="349">
        <v>92.2</v>
      </c>
      <c r="P18" s="349">
        <v>-10.5</v>
      </c>
      <c r="Q18" s="349">
        <v>89.5</v>
      </c>
      <c r="R18" s="349">
        <v>-4.7</v>
      </c>
      <c r="S18" s="349">
        <v>98.1</v>
      </c>
      <c r="T18" s="349">
        <v>8.3000000000000007</v>
      </c>
      <c r="U18" s="349">
        <v>103.1</v>
      </c>
      <c r="V18" s="349">
        <v>-4.5</v>
      </c>
      <c r="W18" s="349">
        <v>96.2</v>
      </c>
      <c r="X18" s="349">
        <v>-1.9</v>
      </c>
      <c r="Y18" s="349">
        <v>102.7</v>
      </c>
      <c r="Z18" s="349">
        <v>-2.2999999999999998</v>
      </c>
      <c r="AA18" s="349">
        <v>103.9</v>
      </c>
      <c r="AB18" s="349">
        <v>-3.3</v>
      </c>
      <c r="AC18" s="349">
        <v>107.1</v>
      </c>
      <c r="AD18" s="349">
        <v>13.1</v>
      </c>
      <c r="AE18" s="349">
        <v>96.4</v>
      </c>
      <c r="AF18" s="349">
        <v>-7</v>
      </c>
      <c r="AG18" s="349">
        <v>99.4</v>
      </c>
      <c r="AH18" s="349">
        <v>-1.3</v>
      </c>
      <c r="AI18" s="349">
        <v>100.8</v>
      </c>
      <c r="AJ18" s="349">
        <v>-1.7</v>
      </c>
      <c r="AK18" s="129"/>
    </row>
    <row r="19" spans="1:37" s="326" customFormat="1" ht="15" customHeight="1" x14ac:dyDescent="0.15">
      <c r="A19" s="547"/>
      <c r="B19" s="595"/>
      <c r="C19" s="347" t="s">
        <v>0</v>
      </c>
      <c r="D19" s="348" t="s">
        <v>238</v>
      </c>
      <c r="E19" s="351">
        <v>101.2</v>
      </c>
      <c r="F19" s="352">
        <v>-2.4</v>
      </c>
      <c r="G19" s="351">
        <v>110</v>
      </c>
      <c r="H19" s="351">
        <v>2.4</v>
      </c>
      <c r="I19" s="351">
        <v>103.6</v>
      </c>
      <c r="J19" s="351">
        <v>-0.6</v>
      </c>
      <c r="K19" s="351">
        <v>106.5</v>
      </c>
      <c r="L19" s="351">
        <v>1.2</v>
      </c>
      <c r="M19" s="351">
        <v>104.6</v>
      </c>
      <c r="N19" s="351">
        <v>1.1000000000000001</v>
      </c>
      <c r="O19" s="351">
        <v>95.7</v>
      </c>
      <c r="P19" s="351">
        <v>-10</v>
      </c>
      <c r="Q19" s="351">
        <v>93.4</v>
      </c>
      <c r="R19" s="351">
        <v>-4.5</v>
      </c>
      <c r="S19" s="351">
        <v>104.1</v>
      </c>
      <c r="T19" s="351">
        <v>3.3</v>
      </c>
      <c r="U19" s="351">
        <v>107.8</v>
      </c>
      <c r="V19" s="351">
        <v>-3.8</v>
      </c>
      <c r="W19" s="351">
        <v>98.2</v>
      </c>
      <c r="X19" s="351">
        <v>-1.9</v>
      </c>
      <c r="Y19" s="351">
        <v>102.8</v>
      </c>
      <c r="Z19" s="351">
        <v>-5.9</v>
      </c>
      <c r="AA19" s="351">
        <v>108.8</v>
      </c>
      <c r="AB19" s="351">
        <v>-7.7</v>
      </c>
      <c r="AC19" s="351">
        <v>122.9</v>
      </c>
      <c r="AD19" s="351">
        <v>17.8</v>
      </c>
      <c r="AE19" s="351">
        <v>100.3</v>
      </c>
      <c r="AF19" s="351">
        <v>-6.6</v>
      </c>
      <c r="AG19" s="351">
        <v>104.4</v>
      </c>
      <c r="AH19" s="351">
        <v>1</v>
      </c>
      <c r="AI19" s="351">
        <v>102.6</v>
      </c>
      <c r="AJ19" s="351">
        <v>-1.3</v>
      </c>
      <c r="AK19" s="129"/>
    </row>
    <row r="20" spans="1:37" s="326" customFormat="1" ht="15" customHeight="1" x14ac:dyDescent="0.15">
      <c r="A20" s="547"/>
      <c r="B20" s="595"/>
      <c r="C20" s="347" t="s">
        <v>0</v>
      </c>
      <c r="D20" s="348" t="s">
        <v>239</v>
      </c>
      <c r="E20" s="349">
        <v>98.6</v>
      </c>
      <c r="F20" s="350">
        <v>-2.4</v>
      </c>
      <c r="G20" s="349">
        <v>101.8</v>
      </c>
      <c r="H20" s="349">
        <v>0.8</v>
      </c>
      <c r="I20" s="349">
        <v>97.9</v>
      </c>
      <c r="J20" s="349">
        <v>-0.7</v>
      </c>
      <c r="K20" s="349">
        <v>102.4</v>
      </c>
      <c r="L20" s="349">
        <v>-3.7</v>
      </c>
      <c r="M20" s="349">
        <v>103.4</v>
      </c>
      <c r="N20" s="349">
        <v>-1.6</v>
      </c>
      <c r="O20" s="349">
        <v>91.6</v>
      </c>
      <c r="P20" s="349">
        <v>-8.4</v>
      </c>
      <c r="Q20" s="349">
        <v>93.2</v>
      </c>
      <c r="R20" s="349">
        <v>-1.5</v>
      </c>
      <c r="S20" s="349">
        <v>102.4</v>
      </c>
      <c r="T20" s="349">
        <v>1.1000000000000001</v>
      </c>
      <c r="U20" s="349">
        <v>100.7</v>
      </c>
      <c r="V20" s="349">
        <v>-4.0999999999999996</v>
      </c>
      <c r="W20" s="349">
        <v>94.9</v>
      </c>
      <c r="X20" s="349">
        <v>-3.7</v>
      </c>
      <c r="Y20" s="349">
        <v>104.8</v>
      </c>
      <c r="Z20" s="349">
        <v>1.6</v>
      </c>
      <c r="AA20" s="349">
        <v>113.4</v>
      </c>
      <c r="AB20" s="349">
        <v>-0.4</v>
      </c>
      <c r="AC20" s="349">
        <v>117.9</v>
      </c>
      <c r="AD20" s="349">
        <v>14.8</v>
      </c>
      <c r="AE20" s="349">
        <v>99.6</v>
      </c>
      <c r="AF20" s="349">
        <v>-8.9</v>
      </c>
      <c r="AG20" s="349">
        <v>100.3</v>
      </c>
      <c r="AH20" s="349">
        <v>-3.9</v>
      </c>
      <c r="AI20" s="349">
        <v>98.4</v>
      </c>
      <c r="AJ20" s="349">
        <v>-2.6</v>
      </c>
      <c r="AK20" s="129"/>
    </row>
    <row r="21" spans="1:37" s="326" customFormat="1" ht="15" customHeight="1" x14ac:dyDescent="0.15">
      <c r="A21" s="547"/>
      <c r="B21" s="595"/>
      <c r="C21" s="347" t="s">
        <v>0</v>
      </c>
      <c r="D21" s="348" t="s">
        <v>240</v>
      </c>
      <c r="E21" s="351">
        <v>101.6</v>
      </c>
      <c r="F21" s="352">
        <v>-0.8</v>
      </c>
      <c r="G21" s="351">
        <v>104.8</v>
      </c>
      <c r="H21" s="351">
        <v>-2.2000000000000002</v>
      </c>
      <c r="I21" s="351">
        <v>104.8</v>
      </c>
      <c r="J21" s="351">
        <v>0.6</v>
      </c>
      <c r="K21" s="351">
        <v>105.8</v>
      </c>
      <c r="L21" s="351">
        <v>3.8</v>
      </c>
      <c r="M21" s="351">
        <v>101.7</v>
      </c>
      <c r="N21" s="351">
        <v>-1.2</v>
      </c>
      <c r="O21" s="351">
        <v>96.3</v>
      </c>
      <c r="P21" s="351">
        <v>-7.8</v>
      </c>
      <c r="Q21" s="351">
        <v>95.1</v>
      </c>
      <c r="R21" s="351">
        <v>-0.5</v>
      </c>
      <c r="S21" s="351">
        <v>105.5</v>
      </c>
      <c r="T21" s="351">
        <v>8.1999999999999993</v>
      </c>
      <c r="U21" s="351">
        <v>105.4</v>
      </c>
      <c r="V21" s="351">
        <v>-1.9</v>
      </c>
      <c r="W21" s="351">
        <v>100.1</v>
      </c>
      <c r="X21" s="351">
        <v>1.3</v>
      </c>
      <c r="Y21" s="351">
        <v>100.9</v>
      </c>
      <c r="Z21" s="351">
        <v>-2.6</v>
      </c>
      <c r="AA21" s="351">
        <v>121.8</v>
      </c>
      <c r="AB21" s="351">
        <v>6.6</v>
      </c>
      <c r="AC21" s="351">
        <v>118</v>
      </c>
      <c r="AD21" s="351">
        <v>17.8</v>
      </c>
      <c r="AE21" s="351">
        <v>100.7</v>
      </c>
      <c r="AF21" s="351">
        <v>-6.4</v>
      </c>
      <c r="AG21" s="351">
        <v>104.4</v>
      </c>
      <c r="AH21" s="351">
        <v>7</v>
      </c>
      <c r="AI21" s="351">
        <v>103.1</v>
      </c>
      <c r="AJ21" s="351">
        <v>-1.4</v>
      </c>
      <c r="AK21" s="129"/>
    </row>
    <row r="22" spans="1:37" s="326" customFormat="1" ht="15" customHeight="1" x14ac:dyDescent="0.15">
      <c r="A22" s="547"/>
      <c r="B22" s="595"/>
      <c r="C22" s="347" t="s">
        <v>0</v>
      </c>
      <c r="D22" s="348" t="s">
        <v>241</v>
      </c>
      <c r="E22" s="349">
        <v>104</v>
      </c>
      <c r="F22" s="350">
        <v>-0.5</v>
      </c>
      <c r="G22" s="349">
        <v>111.4</v>
      </c>
      <c r="H22" s="349">
        <v>-0.4</v>
      </c>
      <c r="I22" s="349">
        <v>109.6</v>
      </c>
      <c r="J22" s="349">
        <v>2.4</v>
      </c>
      <c r="K22" s="349">
        <v>111.8</v>
      </c>
      <c r="L22" s="349">
        <v>5.7</v>
      </c>
      <c r="M22" s="349">
        <v>110.3</v>
      </c>
      <c r="N22" s="349">
        <v>2.7</v>
      </c>
      <c r="O22" s="349">
        <v>94.7</v>
      </c>
      <c r="P22" s="349">
        <v>-5.2</v>
      </c>
      <c r="Q22" s="349">
        <v>96.3</v>
      </c>
      <c r="R22" s="349">
        <v>-1.5</v>
      </c>
      <c r="S22" s="349">
        <v>104.5</v>
      </c>
      <c r="T22" s="349">
        <v>0.4</v>
      </c>
      <c r="U22" s="349">
        <v>105</v>
      </c>
      <c r="V22" s="349">
        <v>-5.2</v>
      </c>
      <c r="W22" s="349">
        <v>105.3</v>
      </c>
      <c r="X22" s="349">
        <v>-1.1000000000000001</v>
      </c>
      <c r="Y22" s="349">
        <v>104.7</v>
      </c>
      <c r="Z22" s="349">
        <v>1.6</v>
      </c>
      <c r="AA22" s="349">
        <v>120.9</v>
      </c>
      <c r="AB22" s="349">
        <v>7.3</v>
      </c>
      <c r="AC22" s="349">
        <v>115.5</v>
      </c>
      <c r="AD22" s="349">
        <v>13.2</v>
      </c>
      <c r="AE22" s="349">
        <v>103.3</v>
      </c>
      <c r="AF22" s="349">
        <v>-6</v>
      </c>
      <c r="AG22" s="349">
        <v>108.2</v>
      </c>
      <c r="AH22" s="349">
        <v>5.3</v>
      </c>
      <c r="AI22" s="349">
        <v>104.9</v>
      </c>
      <c r="AJ22" s="349">
        <v>-1.5</v>
      </c>
      <c r="AK22" s="129"/>
    </row>
    <row r="23" spans="1:37" s="326" customFormat="1" ht="15" customHeight="1" x14ac:dyDescent="0.15">
      <c r="A23" s="547"/>
      <c r="B23" s="595"/>
      <c r="C23" s="347" t="s">
        <v>0</v>
      </c>
      <c r="D23" s="348" t="s">
        <v>242</v>
      </c>
      <c r="E23" s="351">
        <v>93.6</v>
      </c>
      <c r="F23" s="352">
        <v>-3.8</v>
      </c>
      <c r="G23" s="351">
        <v>95.8</v>
      </c>
      <c r="H23" s="351">
        <v>-8.1</v>
      </c>
      <c r="I23" s="351">
        <v>94.2</v>
      </c>
      <c r="J23" s="351">
        <v>-2</v>
      </c>
      <c r="K23" s="351">
        <v>99.8</v>
      </c>
      <c r="L23" s="351">
        <v>-4.3</v>
      </c>
      <c r="M23" s="351">
        <v>102.8</v>
      </c>
      <c r="N23" s="351">
        <v>-1.3</v>
      </c>
      <c r="O23" s="351">
        <v>88.6</v>
      </c>
      <c r="P23" s="351">
        <v>-9.1</v>
      </c>
      <c r="Q23" s="351">
        <v>92.1</v>
      </c>
      <c r="R23" s="351">
        <v>-3</v>
      </c>
      <c r="S23" s="351">
        <v>92.8</v>
      </c>
      <c r="T23" s="351">
        <v>1.1000000000000001</v>
      </c>
      <c r="U23" s="351">
        <v>93.3</v>
      </c>
      <c r="V23" s="351">
        <v>-13.8</v>
      </c>
      <c r="W23" s="351">
        <v>86.7</v>
      </c>
      <c r="X23" s="351">
        <v>-6.5</v>
      </c>
      <c r="Y23" s="351">
        <v>106.1</v>
      </c>
      <c r="Z23" s="351">
        <v>4.9000000000000004</v>
      </c>
      <c r="AA23" s="351">
        <v>121.6</v>
      </c>
      <c r="AB23" s="351">
        <v>4.4000000000000004</v>
      </c>
      <c r="AC23" s="351">
        <v>79.8</v>
      </c>
      <c r="AD23" s="351">
        <v>11.3</v>
      </c>
      <c r="AE23" s="351">
        <v>97.8</v>
      </c>
      <c r="AF23" s="351">
        <v>-7.9</v>
      </c>
      <c r="AG23" s="351">
        <v>99.7</v>
      </c>
      <c r="AH23" s="351">
        <v>3.5</v>
      </c>
      <c r="AI23" s="351">
        <v>93.3</v>
      </c>
      <c r="AJ23" s="351">
        <v>-3.4</v>
      </c>
      <c r="AK23" s="129"/>
    </row>
    <row r="24" spans="1:37" s="326" customFormat="1" ht="15" customHeight="1" x14ac:dyDescent="0.15">
      <c r="A24" s="547"/>
      <c r="B24" s="595"/>
      <c r="C24" s="347" t="s">
        <v>0</v>
      </c>
      <c r="D24" s="348" t="s">
        <v>243</v>
      </c>
      <c r="E24" s="349">
        <v>98.2</v>
      </c>
      <c r="F24" s="350">
        <v>-1.4</v>
      </c>
      <c r="G24" s="349">
        <v>100.8</v>
      </c>
      <c r="H24" s="349">
        <v>-4.3</v>
      </c>
      <c r="I24" s="349">
        <v>101.3</v>
      </c>
      <c r="J24" s="349">
        <v>-0.2</v>
      </c>
      <c r="K24" s="349">
        <v>102.7</v>
      </c>
      <c r="L24" s="349">
        <v>2.4</v>
      </c>
      <c r="M24" s="349">
        <v>99.2</v>
      </c>
      <c r="N24" s="349">
        <v>0.8</v>
      </c>
      <c r="O24" s="349">
        <v>91.1</v>
      </c>
      <c r="P24" s="349">
        <v>-7.2</v>
      </c>
      <c r="Q24" s="349">
        <v>92.9</v>
      </c>
      <c r="R24" s="349">
        <v>-3.5</v>
      </c>
      <c r="S24" s="349">
        <v>97.1</v>
      </c>
      <c r="T24" s="349">
        <v>7.2</v>
      </c>
      <c r="U24" s="349">
        <v>98.6</v>
      </c>
      <c r="V24" s="349">
        <v>-10.8</v>
      </c>
      <c r="W24" s="349">
        <v>94.7</v>
      </c>
      <c r="X24" s="349">
        <v>-1.5</v>
      </c>
      <c r="Y24" s="349">
        <v>103.3</v>
      </c>
      <c r="Z24" s="349">
        <v>5</v>
      </c>
      <c r="AA24" s="349">
        <v>120.4</v>
      </c>
      <c r="AB24" s="349">
        <v>6.7</v>
      </c>
      <c r="AC24" s="349">
        <v>115.6</v>
      </c>
      <c r="AD24" s="349">
        <v>19.399999999999999</v>
      </c>
      <c r="AE24" s="349">
        <v>97.2</v>
      </c>
      <c r="AF24" s="349">
        <v>-6.7</v>
      </c>
      <c r="AG24" s="349">
        <v>98.5</v>
      </c>
      <c r="AH24" s="349">
        <v>11</v>
      </c>
      <c r="AI24" s="349">
        <v>99.4</v>
      </c>
      <c r="AJ24" s="349">
        <v>-1</v>
      </c>
      <c r="AK24" s="129"/>
    </row>
    <row r="25" spans="1:37" s="326" customFormat="1" ht="15" customHeight="1" x14ac:dyDescent="0.15">
      <c r="A25" s="547"/>
      <c r="B25" s="595"/>
      <c r="C25" s="347" t="s">
        <v>0</v>
      </c>
      <c r="D25" s="348" t="s">
        <v>244</v>
      </c>
      <c r="E25" s="351">
        <v>104</v>
      </c>
      <c r="F25" s="352">
        <v>1.4</v>
      </c>
      <c r="G25" s="351">
        <v>112.5</v>
      </c>
      <c r="H25" s="351">
        <v>5.0999999999999996</v>
      </c>
      <c r="I25" s="351">
        <v>108.7</v>
      </c>
      <c r="J25" s="351">
        <v>3.5</v>
      </c>
      <c r="K25" s="351">
        <v>106.7</v>
      </c>
      <c r="L25" s="351">
        <v>-0.5</v>
      </c>
      <c r="M25" s="351">
        <v>107.6</v>
      </c>
      <c r="N25" s="351">
        <v>4</v>
      </c>
      <c r="O25" s="351">
        <v>95.8</v>
      </c>
      <c r="P25" s="351">
        <v>-4.7</v>
      </c>
      <c r="Q25" s="351">
        <v>96.7</v>
      </c>
      <c r="R25" s="351">
        <v>-0.6</v>
      </c>
      <c r="S25" s="351">
        <v>105.2</v>
      </c>
      <c r="T25" s="351">
        <v>2.7</v>
      </c>
      <c r="U25" s="351">
        <v>102.9</v>
      </c>
      <c r="V25" s="351">
        <v>-7.7</v>
      </c>
      <c r="W25" s="351">
        <v>104.1</v>
      </c>
      <c r="X25" s="351">
        <v>-0.6</v>
      </c>
      <c r="Y25" s="351">
        <v>103.5</v>
      </c>
      <c r="Z25" s="351">
        <v>3.2</v>
      </c>
      <c r="AA25" s="351">
        <v>118.2</v>
      </c>
      <c r="AB25" s="351">
        <v>3.5</v>
      </c>
      <c r="AC25" s="351">
        <v>127.7</v>
      </c>
      <c r="AD25" s="351">
        <v>18</v>
      </c>
      <c r="AE25" s="351">
        <v>102.4</v>
      </c>
      <c r="AF25" s="351">
        <v>-0.3</v>
      </c>
      <c r="AG25" s="351">
        <v>105.5</v>
      </c>
      <c r="AH25" s="351">
        <v>7.5</v>
      </c>
      <c r="AI25" s="351">
        <v>103.6</v>
      </c>
      <c r="AJ25" s="351">
        <v>-2.1</v>
      </c>
      <c r="AK25" s="129"/>
    </row>
    <row r="26" spans="1:37" s="326" customFormat="1" ht="14.25" customHeight="1" x14ac:dyDescent="0.15">
      <c r="A26" s="547"/>
      <c r="B26" s="59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29"/>
    </row>
    <row r="27" spans="1:37" s="326" customFormat="1" ht="14.25" customHeight="1" x14ac:dyDescent="0.15">
      <c r="A27" s="547"/>
      <c r="B27" s="595"/>
      <c r="C27" s="347" t="s">
        <v>234</v>
      </c>
      <c r="D27" s="348" t="s">
        <v>232</v>
      </c>
      <c r="E27" s="349">
        <v>97.8</v>
      </c>
      <c r="F27" s="350">
        <v>-4.7</v>
      </c>
      <c r="G27" s="349">
        <v>102.9</v>
      </c>
      <c r="H27" s="349">
        <v>-5.0999999999999996</v>
      </c>
      <c r="I27" s="349">
        <v>103.1</v>
      </c>
      <c r="J27" s="349">
        <v>-4</v>
      </c>
      <c r="K27" s="349">
        <v>95.3</v>
      </c>
      <c r="L27" s="349">
        <v>-7.9</v>
      </c>
      <c r="M27" s="349">
        <v>103.9</v>
      </c>
      <c r="N27" s="349">
        <v>-1.7</v>
      </c>
      <c r="O27" s="349">
        <v>91.4</v>
      </c>
      <c r="P27" s="349">
        <v>-9.8000000000000007</v>
      </c>
      <c r="Q27" s="349">
        <v>92.2</v>
      </c>
      <c r="R27" s="349">
        <v>-5.2</v>
      </c>
      <c r="S27" s="349">
        <v>90</v>
      </c>
      <c r="T27" s="349">
        <v>-6.8</v>
      </c>
      <c r="U27" s="349">
        <v>102</v>
      </c>
      <c r="V27" s="349">
        <v>-8</v>
      </c>
      <c r="W27" s="349">
        <v>96.1</v>
      </c>
      <c r="X27" s="349">
        <v>-5.7</v>
      </c>
      <c r="Y27" s="349">
        <v>103.3</v>
      </c>
      <c r="Z27" s="349">
        <v>5.3</v>
      </c>
      <c r="AA27" s="349">
        <v>117.3</v>
      </c>
      <c r="AB27" s="349">
        <v>4.0999999999999996</v>
      </c>
      <c r="AC27" s="349">
        <v>107</v>
      </c>
      <c r="AD27" s="349">
        <v>1.3</v>
      </c>
      <c r="AE27" s="349">
        <v>97.3</v>
      </c>
      <c r="AF27" s="349">
        <v>-7.3</v>
      </c>
      <c r="AG27" s="349">
        <v>89.7</v>
      </c>
      <c r="AH27" s="349">
        <v>-10.199999999999999</v>
      </c>
      <c r="AI27" s="349">
        <v>97.9</v>
      </c>
      <c r="AJ27" s="349">
        <v>-5</v>
      </c>
      <c r="AK27" s="129"/>
    </row>
    <row r="28" spans="1:37" s="326" customFormat="1" ht="11.25" customHeight="1" x14ac:dyDescent="0.15">
      <c r="A28" s="547"/>
      <c r="B28" s="551"/>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29"/>
    </row>
    <row r="29" spans="1:37" s="326" customFormat="1" ht="11.25" customHeight="1" x14ac:dyDescent="0.15">
      <c r="A29" s="547"/>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29"/>
    </row>
    <row r="30" spans="1:37" s="326" customFormat="1" ht="14.25" customHeight="1" x14ac:dyDescent="0.15">
      <c r="A30" s="547"/>
      <c r="B30" s="365"/>
      <c r="C30" s="347" t="s">
        <v>227</v>
      </c>
      <c r="D30" s="348" t="s">
        <v>228</v>
      </c>
      <c r="E30" s="349">
        <v>101.1</v>
      </c>
      <c r="F30" s="350">
        <v>1.1000000000000001</v>
      </c>
      <c r="G30" s="349">
        <v>109.3</v>
      </c>
      <c r="H30" s="349">
        <v>9.3000000000000007</v>
      </c>
      <c r="I30" s="349">
        <v>101.4</v>
      </c>
      <c r="J30" s="349">
        <v>1.4</v>
      </c>
      <c r="K30" s="349">
        <v>99.9</v>
      </c>
      <c r="L30" s="349">
        <v>-0.2</v>
      </c>
      <c r="M30" s="349">
        <v>104.1</v>
      </c>
      <c r="N30" s="349">
        <v>4.0999999999999996</v>
      </c>
      <c r="O30" s="349">
        <v>99.3</v>
      </c>
      <c r="P30" s="349">
        <v>-0.7</v>
      </c>
      <c r="Q30" s="349">
        <v>98.8</v>
      </c>
      <c r="R30" s="349">
        <v>-1.3</v>
      </c>
      <c r="S30" s="349">
        <v>100.3</v>
      </c>
      <c r="T30" s="349">
        <v>0.3</v>
      </c>
      <c r="U30" s="349">
        <v>107.4</v>
      </c>
      <c r="V30" s="349">
        <v>7.4</v>
      </c>
      <c r="W30" s="349">
        <v>101.9</v>
      </c>
      <c r="X30" s="349">
        <v>1.8</v>
      </c>
      <c r="Y30" s="349">
        <v>103.6</v>
      </c>
      <c r="Z30" s="349">
        <v>3.6</v>
      </c>
      <c r="AA30" s="349">
        <v>102.3</v>
      </c>
      <c r="AB30" s="349">
        <v>2.2000000000000002</v>
      </c>
      <c r="AC30" s="349">
        <v>108.8</v>
      </c>
      <c r="AD30" s="349">
        <v>8.8000000000000007</v>
      </c>
      <c r="AE30" s="349">
        <v>97.8</v>
      </c>
      <c r="AF30" s="349">
        <v>-2.2000000000000002</v>
      </c>
      <c r="AG30" s="349">
        <v>98.8</v>
      </c>
      <c r="AH30" s="349">
        <v>-1.2</v>
      </c>
      <c r="AI30" s="349">
        <v>100.5</v>
      </c>
      <c r="AJ30" s="349">
        <v>0.5</v>
      </c>
      <c r="AK30" s="129"/>
    </row>
    <row r="31" spans="1:37" s="326" customFormat="1" ht="14.25" customHeight="1" x14ac:dyDescent="0.15">
      <c r="A31" s="547"/>
      <c r="B31" s="365"/>
      <c r="C31" s="347" t="s">
        <v>227</v>
      </c>
      <c r="D31" s="348" t="s">
        <v>229</v>
      </c>
      <c r="E31" s="351">
        <v>101.6</v>
      </c>
      <c r="F31" s="352">
        <v>0.5</v>
      </c>
      <c r="G31" s="351">
        <v>107.8</v>
      </c>
      <c r="H31" s="351">
        <v>-1.4</v>
      </c>
      <c r="I31" s="351">
        <v>102.7</v>
      </c>
      <c r="J31" s="351">
        <v>1.3</v>
      </c>
      <c r="K31" s="351">
        <v>102.7</v>
      </c>
      <c r="L31" s="351">
        <v>2.8</v>
      </c>
      <c r="M31" s="351">
        <v>105.9</v>
      </c>
      <c r="N31" s="351">
        <v>1.7</v>
      </c>
      <c r="O31" s="351">
        <v>100</v>
      </c>
      <c r="P31" s="351">
        <v>0.7</v>
      </c>
      <c r="Q31" s="351">
        <v>102.2</v>
      </c>
      <c r="R31" s="351">
        <v>3.4</v>
      </c>
      <c r="S31" s="351">
        <v>97.2</v>
      </c>
      <c r="T31" s="351">
        <v>-3.1</v>
      </c>
      <c r="U31" s="351">
        <v>106.4</v>
      </c>
      <c r="V31" s="351">
        <v>-0.9</v>
      </c>
      <c r="W31" s="351">
        <v>99.8</v>
      </c>
      <c r="X31" s="351">
        <v>-2.1</v>
      </c>
      <c r="Y31" s="351">
        <v>118.8</v>
      </c>
      <c r="Z31" s="351">
        <v>14.7</v>
      </c>
      <c r="AA31" s="351">
        <v>104</v>
      </c>
      <c r="AB31" s="351">
        <v>1.7</v>
      </c>
      <c r="AC31" s="351">
        <v>91.7</v>
      </c>
      <c r="AD31" s="351">
        <v>-15.7</v>
      </c>
      <c r="AE31" s="351">
        <v>105.9</v>
      </c>
      <c r="AF31" s="351">
        <v>8.3000000000000007</v>
      </c>
      <c r="AG31" s="351">
        <v>99.4</v>
      </c>
      <c r="AH31" s="351">
        <v>0.6</v>
      </c>
      <c r="AI31" s="351">
        <v>95.5</v>
      </c>
      <c r="AJ31" s="351">
        <v>-5</v>
      </c>
      <c r="AK31" s="129"/>
    </row>
    <row r="32" spans="1:37" s="326" customFormat="1" ht="14.25" customHeight="1" x14ac:dyDescent="0.15">
      <c r="A32" s="547"/>
      <c r="B32" s="365"/>
      <c r="C32" s="347" t="s">
        <v>227</v>
      </c>
      <c r="D32" s="348" t="s">
        <v>230</v>
      </c>
      <c r="E32" s="349">
        <v>102.1</v>
      </c>
      <c r="F32" s="350">
        <v>0.5</v>
      </c>
      <c r="G32" s="349">
        <v>109.3</v>
      </c>
      <c r="H32" s="349">
        <v>1.4</v>
      </c>
      <c r="I32" s="349">
        <v>103.7</v>
      </c>
      <c r="J32" s="349">
        <v>1</v>
      </c>
      <c r="K32" s="349">
        <v>101.5</v>
      </c>
      <c r="L32" s="349">
        <v>-1.2</v>
      </c>
      <c r="M32" s="349">
        <v>106.1</v>
      </c>
      <c r="N32" s="349">
        <v>0.2</v>
      </c>
      <c r="O32" s="349">
        <v>102.6</v>
      </c>
      <c r="P32" s="349">
        <v>2.6</v>
      </c>
      <c r="Q32" s="349">
        <v>105.6</v>
      </c>
      <c r="R32" s="349">
        <v>3.3</v>
      </c>
      <c r="S32" s="349">
        <v>95.6</v>
      </c>
      <c r="T32" s="349">
        <v>-1.6</v>
      </c>
      <c r="U32" s="349">
        <v>105</v>
      </c>
      <c r="V32" s="349">
        <v>-1.3</v>
      </c>
      <c r="W32" s="349">
        <v>101.1</v>
      </c>
      <c r="X32" s="349">
        <v>1.3</v>
      </c>
      <c r="Y32" s="349">
        <v>119.9</v>
      </c>
      <c r="Z32" s="349">
        <v>0.9</v>
      </c>
      <c r="AA32" s="349">
        <v>103.7</v>
      </c>
      <c r="AB32" s="349">
        <v>-0.3</v>
      </c>
      <c r="AC32" s="349">
        <v>89.8</v>
      </c>
      <c r="AD32" s="349">
        <v>-2.1</v>
      </c>
      <c r="AE32" s="349">
        <v>104</v>
      </c>
      <c r="AF32" s="349">
        <v>-1.8</v>
      </c>
      <c r="AG32" s="349">
        <v>100.5</v>
      </c>
      <c r="AH32" s="349">
        <v>1.1000000000000001</v>
      </c>
      <c r="AI32" s="349">
        <v>94.9</v>
      </c>
      <c r="AJ32" s="349">
        <v>-0.6</v>
      </c>
      <c r="AK32" s="129"/>
    </row>
    <row r="33" spans="1:37" s="326" customFormat="1" ht="14.25" customHeight="1" x14ac:dyDescent="0.15">
      <c r="A33" s="547"/>
      <c r="B33" s="365"/>
      <c r="C33" s="347" t="s">
        <v>227</v>
      </c>
      <c r="D33" s="348" t="s">
        <v>231</v>
      </c>
      <c r="E33" s="351">
        <v>102.6</v>
      </c>
      <c r="F33" s="352">
        <v>-0.5</v>
      </c>
      <c r="G33" s="351">
        <v>108.9</v>
      </c>
      <c r="H33" s="351">
        <v>-0.5</v>
      </c>
      <c r="I33" s="351">
        <v>101.4</v>
      </c>
      <c r="J33" s="351">
        <v>-2.2999999999999998</v>
      </c>
      <c r="K33" s="351">
        <v>102.5</v>
      </c>
      <c r="L33" s="351">
        <v>0.7</v>
      </c>
      <c r="M33" s="351">
        <v>103.8</v>
      </c>
      <c r="N33" s="351">
        <v>-2.1</v>
      </c>
      <c r="O33" s="351">
        <v>100.5</v>
      </c>
      <c r="P33" s="351">
        <v>-2.2000000000000002</v>
      </c>
      <c r="Q33" s="351">
        <v>99.9</v>
      </c>
      <c r="R33" s="351">
        <v>-5.3</v>
      </c>
      <c r="S33" s="351">
        <v>96</v>
      </c>
      <c r="T33" s="351">
        <v>0.2</v>
      </c>
      <c r="U33" s="351">
        <v>103.9</v>
      </c>
      <c r="V33" s="351">
        <v>-1</v>
      </c>
      <c r="W33" s="351">
        <v>99.9</v>
      </c>
      <c r="X33" s="351">
        <v>-1.2</v>
      </c>
      <c r="Y33" s="351">
        <v>112.1</v>
      </c>
      <c r="Z33" s="351">
        <v>-6.3</v>
      </c>
      <c r="AA33" s="351">
        <v>107.8</v>
      </c>
      <c r="AB33" s="351">
        <v>4.3</v>
      </c>
      <c r="AC33" s="351">
        <v>95.3</v>
      </c>
      <c r="AD33" s="351">
        <v>5.2</v>
      </c>
      <c r="AE33" s="351">
        <v>107.2</v>
      </c>
      <c r="AF33" s="351">
        <v>2.9</v>
      </c>
      <c r="AG33" s="361">
        <v>97.9</v>
      </c>
      <c r="AH33" s="361">
        <v>-1.8</v>
      </c>
      <c r="AI33" s="351">
        <v>100.6</v>
      </c>
      <c r="AJ33" s="351">
        <v>5.3</v>
      </c>
      <c r="AK33" s="129"/>
    </row>
    <row r="34" spans="1:37" s="326" customFormat="1" ht="14.25" customHeight="1" x14ac:dyDescent="0.15">
      <c r="A34" s="547"/>
      <c r="B34" s="365"/>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29"/>
    </row>
    <row r="35" spans="1:37" s="326" customFormat="1" ht="15" customHeight="1" x14ac:dyDescent="0.15">
      <c r="A35" s="547"/>
      <c r="B35" s="596" t="s">
        <v>48</v>
      </c>
      <c r="C35" s="347" t="s">
        <v>208</v>
      </c>
      <c r="D35" s="348" t="s">
        <v>232</v>
      </c>
      <c r="E35" s="349">
        <v>104.9</v>
      </c>
      <c r="F35" s="350">
        <v>0.4</v>
      </c>
      <c r="G35" s="349">
        <v>114</v>
      </c>
      <c r="H35" s="349">
        <v>-0.9</v>
      </c>
      <c r="I35" s="349">
        <v>106.6</v>
      </c>
      <c r="J35" s="349">
        <v>-0.6</v>
      </c>
      <c r="K35" s="349">
        <v>103</v>
      </c>
      <c r="L35" s="349">
        <v>3.3</v>
      </c>
      <c r="M35" s="349">
        <v>106.9</v>
      </c>
      <c r="N35" s="349">
        <v>-1.2</v>
      </c>
      <c r="O35" s="349">
        <v>101.5</v>
      </c>
      <c r="P35" s="349">
        <v>-4.2</v>
      </c>
      <c r="Q35" s="349">
        <v>99.9</v>
      </c>
      <c r="R35" s="349">
        <v>-6.3</v>
      </c>
      <c r="S35" s="349">
        <v>93.8</v>
      </c>
      <c r="T35" s="349">
        <v>-4</v>
      </c>
      <c r="U35" s="349">
        <v>102.2</v>
      </c>
      <c r="V35" s="349">
        <v>-1</v>
      </c>
      <c r="W35" s="349">
        <v>102.9</v>
      </c>
      <c r="X35" s="349">
        <v>-1.3</v>
      </c>
      <c r="Y35" s="349">
        <v>106.9</v>
      </c>
      <c r="Z35" s="349">
        <v>3</v>
      </c>
      <c r="AA35" s="349">
        <v>115.2</v>
      </c>
      <c r="AB35" s="349">
        <v>9.8000000000000007</v>
      </c>
      <c r="AC35" s="349">
        <v>101.8</v>
      </c>
      <c r="AD35" s="349">
        <v>8.8000000000000007</v>
      </c>
      <c r="AE35" s="349">
        <v>106.6</v>
      </c>
      <c r="AF35" s="349">
        <v>1.1000000000000001</v>
      </c>
      <c r="AG35" s="360" t="s">
        <v>19</v>
      </c>
      <c r="AH35" s="360" t="s">
        <v>19</v>
      </c>
      <c r="AI35" s="349">
        <v>103.8</v>
      </c>
      <c r="AJ35" s="349">
        <v>8</v>
      </c>
      <c r="AK35" s="129"/>
    </row>
    <row r="36" spans="1:37" s="326" customFormat="1" ht="15" customHeight="1" x14ac:dyDescent="0.15">
      <c r="A36" s="547"/>
      <c r="B36" s="596"/>
      <c r="C36" s="347" t="s">
        <v>0</v>
      </c>
      <c r="D36" s="348" t="s">
        <v>233</v>
      </c>
      <c r="E36" s="351">
        <v>102.4</v>
      </c>
      <c r="F36" s="352">
        <v>-0.1</v>
      </c>
      <c r="G36" s="351">
        <v>110.3</v>
      </c>
      <c r="H36" s="351">
        <v>-0.2</v>
      </c>
      <c r="I36" s="351">
        <v>102.7</v>
      </c>
      <c r="J36" s="351">
        <v>-0.8</v>
      </c>
      <c r="K36" s="351">
        <v>99.7</v>
      </c>
      <c r="L36" s="351">
        <v>0.2</v>
      </c>
      <c r="M36" s="351">
        <v>105.4</v>
      </c>
      <c r="N36" s="351">
        <v>-0.1</v>
      </c>
      <c r="O36" s="351">
        <v>100.6</v>
      </c>
      <c r="P36" s="351">
        <v>-6</v>
      </c>
      <c r="Q36" s="351">
        <v>99.8</v>
      </c>
      <c r="R36" s="351">
        <v>-6.4</v>
      </c>
      <c r="S36" s="351">
        <v>96.6</v>
      </c>
      <c r="T36" s="351">
        <v>-2.1</v>
      </c>
      <c r="U36" s="351">
        <v>99.9</v>
      </c>
      <c r="V36" s="351">
        <v>-2.1</v>
      </c>
      <c r="W36" s="351">
        <v>96.3</v>
      </c>
      <c r="X36" s="351">
        <v>-2.9</v>
      </c>
      <c r="Y36" s="351">
        <v>110.4</v>
      </c>
      <c r="Z36" s="351">
        <v>-10.9</v>
      </c>
      <c r="AA36" s="351">
        <v>109.9</v>
      </c>
      <c r="AB36" s="351">
        <v>7.9</v>
      </c>
      <c r="AC36" s="351">
        <v>88.1</v>
      </c>
      <c r="AD36" s="351">
        <v>7</v>
      </c>
      <c r="AE36" s="351">
        <v>108.6</v>
      </c>
      <c r="AF36" s="351">
        <v>4.9000000000000004</v>
      </c>
      <c r="AG36" s="361" t="s">
        <v>19</v>
      </c>
      <c r="AH36" s="361" t="s">
        <v>19</v>
      </c>
      <c r="AI36" s="351">
        <v>101.3</v>
      </c>
      <c r="AJ36" s="351">
        <v>6.5</v>
      </c>
      <c r="AK36" s="129"/>
    </row>
    <row r="37" spans="1:37" s="326" customFormat="1" ht="15" customHeight="1" x14ac:dyDescent="0.15">
      <c r="A37" s="547"/>
      <c r="B37" s="596"/>
      <c r="C37" s="347" t="s">
        <v>234</v>
      </c>
      <c r="D37" s="348" t="s">
        <v>235</v>
      </c>
      <c r="E37" s="349">
        <v>97.4</v>
      </c>
      <c r="F37" s="350">
        <v>0</v>
      </c>
      <c r="G37" s="349">
        <v>103</v>
      </c>
      <c r="H37" s="349">
        <v>0</v>
      </c>
      <c r="I37" s="349">
        <v>95.5</v>
      </c>
      <c r="J37" s="349">
        <v>3.5</v>
      </c>
      <c r="K37" s="349">
        <v>99.7</v>
      </c>
      <c r="L37" s="349">
        <v>4.5999999999999996</v>
      </c>
      <c r="M37" s="349">
        <v>103.7</v>
      </c>
      <c r="N37" s="349">
        <v>3.8</v>
      </c>
      <c r="O37" s="349">
        <v>91</v>
      </c>
      <c r="P37" s="349">
        <v>-6.6</v>
      </c>
      <c r="Q37" s="349">
        <v>94.8</v>
      </c>
      <c r="R37" s="349">
        <v>-4.2</v>
      </c>
      <c r="S37" s="349">
        <v>90.7</v>
      </c>
      <c r="T37" s="349">
        <v>0.3</v>
      </c>
      <c r="U37" s="349">
        <v>91.7</v>
      </c>
      <c r="V37" s="349">
        <v>-4.5999999999999996</v>
      </c>
      <c r="W37" s="349">
        <v>93.7</v>
      </c>
      <c r="X37" s="349">
        <v>0.3</v>
      </c>
      <c r="Y37" s="349">
        <v>118.3</v>
      </c>
      <c r="Z37" s="349">
        <v>7.2</v>
      </c>
      <c r="AA37" s="349">
        <v>108.5</v>
      </c>
      <c r="AB37" s="349">
        <v>1.7</v>
      </c>
      <c r="AC37" s="349">
        <v>104.5</v>
      </c>
      <c r="AD37" s="349">
        <v>18.2</v>
      </c>
      <c r="AE37" s="349">
        <v>93.4</v>
      </c>
      <c r="AF37" s="349">
        <v>-11.2</v>
      </c>
      <c r="AG37" s="360">
        <v>95.8</v>
      </c>
      <c r="AH37" s="360">
        <v>-3.9</v>
      </c>
      <c r="AI37" s="349">
        <v>97.7</v>
      </c>
      <c r="AJ37" s="349">
        <v>7.2</v>
      </c>
      <c r="AK37" s="129"/>
    </row>
    <row r="38" spans="1:37" s="326" customFormat="1" ht="15" customHeight="1" x14ac:dyDescent="0.15">
      <c r="A38" s="547"/>
      <c r="B38" s="596"/>
      <c r="C38" s="347" t="s">
        <v>0</v>
      </c>
      <c r="D38" s="348" t="s">
        <v>236</v>
      </c>
      <c r="E38" s="351">
        <v>96.3</v>
      </c>
      <c r="F38" s="352">
        <v>-4.0999999999999996</v>
      </c>
      <c r="G38" s="351">
        <v>102.4</v>
      </c>
      <c r="H38" s="351">
        <v>0</v>
      </c>
      <c r="I38" s="351">
        <v>98.2</v>
      </c>
      <c r="J38" s="351">
        <v>-3.6</v>
      </c>
      <c r="K38" s="351">
        <v>95.1</v>
      </c>
      <c r="L38" s="351">
        <v>-2</v>
      </c>
      <c r="M38" s="351">
        <v>94.9</v>
      </c>
      <c r="N38" s="351">
        <v>-4.7</v>
      </c>
      <c r="O38" s="351">
        <v>89.8</v>
      </c>
      <c r="P38" s="351">
        <v>-6.9</v>
      </c>
      <c r="Q38" s="351">
        <v>92.4</v>
      </c>
      <c r="R38" s="351">
        <v>-5.0999999999999996</v>
      </c>
      <c r="S38" s="351">
        <v>85.4</v>
      </c>
      <c r="T38" s="351">
        <v>-5.2</v>
      </c>
      <c r="U38" s="351">
        <v>89.4</v>
      </c>
      <c r="V38" s="351">
        <v>-13.7</v>
      </c>
      <c r="W38" s="351">
        <v>94.6</v>
      </c>
      <c r="X38" s="351">
        <v>-3.6</v>
      </c>
      <c r="Y38" s="351">
        <v>111.5</v>
      </c>
      <c r="Z38" s="351">
        <v>-4.8</v>
      </c>
      <c r="AA38" s="351">
        <v>98.9</v>
      </c>
      <c r="AB38" s="351">
        <v>4.0999999999999996</v>
      </c>
      <c r="AC38" s="351">
        <v>103.1</v>
      </c>
      <c r="AD38" s="351">
        <v>8.9</v>
      </c>
      <c r="AE38" s="351">
        <v>91.6</v>
      </c>
      <c r="AF38" s="351">
        <v>-10.7</v>
      </c>
      <c r="AG38" s="361">
        <v>83</v>
      </c>
      <c r="AH38" s="361">
        <v>-6.6</v>
      </c>
      <c r="AI38" s="351">
        <v>98.9</v>
      </c>
      <c r="AJ38" s="351">
        <v>-2.1</v>
      </c>
      <c r="AK38" s="129"/>
    </row>
    <row r="39" spans="1:37" s="326" customFormat="1" ht="15" customHeight="1" x14ac:dyDescent="0.15">
      <c r="A39" s="547"/>
      <c r="B39" s="596"/>
      <c r="C39" s="347" t="s">
        <v>0</v>
      </c>
      <c r="D39" s="348" t="s">
        <v>237</v>
      </c>
      <c r="E39" s="349">
        <v>99.3</v>
      </c>
      <c r="F39" s="350">
        <v>-2.6</v>
      </c>
      <c r="G39" s="349">
        <v>103.6</v>
      </c>
      <c r="H39" s="349">
        <v>-3.3</v>
      </c>
      <c r="I39" s="349">
        <v>99.5</v>
      </c>
      <c r="J39" s="349">
        <v>-2.4</v>
      </c>
      <c r="K39" s="349">
        <v>98</v>
      </c>
      <c r="L39" s="349">
        <v>-2.9</v>
      </c>
      <c r="M39" s="349">
        <v>104.5</v>
      </c>
      <c r="N39" s="349">
        <v>1.3</v>
      </c>
      <c r="O39" s="349">
        <v>93</v>
      </c>
      <c r="P39" s="349">
        <v>-8.4</v>
      </c>
      <c r="Q39" s="349">
        <v>94.4</v>
      </c>
      <c r="R39" s="349">
        <v>-5.0999999999999996</v>
      </c>
      <c r="S39" s="349">
        <v>99.3</v>
      </c>
      <c r="T39" s="349">
        <v>6.7</v>
      </c>
      <c r="U39" s="349">
        <v>92.6</v>
      </c>
      <c r="V39" s="349">
        <v>-14.7</v>
      </c>
      <c r="W39" s="349">
        <v>98</v>
      </c>
      <c r="X39" s="349">
        <v>-2.2999999999999998</v>
      </c>
      <c r="Y39" s="349">
        <v>114.6</v>
      </c>
      <c r="Z39" s="349">
        <v>1.9</v>
      </c>
      <c r="AA39" s="349">
        <v>101.4</v>
      </c>
      <c r="AB39" s="349">
        <v>5.3</v>
      </c>
      <c r="AC39" s="349">
        <v>104.6</v>
      </c>
      <c r="AD39" s="349">
        <v>9.6</v>
      </c>
      <c r="AE39" s="349">
        <v>95</v>
      </c>
      <c r="AF39" s="349">
        <v>-7.8</v>
      </c>
      <c r="AG39" s="360">
        <v>95.3</v>
      </c>
      <c r="AH39" s="360">
        <v>-6.8</v>
      </c>
      <c r="AI39" s="349">
        <v>100.8</v>
      </c>
      <c r="AJ39" s="349">
        <v>0.3</v>
      </c>
      <c r="AK39" s="129"/>
    </row>
    <row r="40" spans="1:37" s="326" customFormat="1" ht="15" customHeight="1" x14ac:dyDescent="0.15">
      <c r="A40" s="547"/>
      <c r="B40" s="23">
        <v>30</v>
      </c>
      <c r="C40" s="347" t="s">
        <v>0</v>
      </c>
      <c r="D40" s="348" t="s">
        <v>238</v>
      </c>
      <c r="E40" s="351">
        <v>104.1</v>
      </c>
      <c r="F40" s="352">
        <v>-1.5</v>
      </c>
      <c r="G40" s="351">
        <v>108</v>
      </c>
      <c r="H40" s="351">
        <v>-2.1</v>
      </c>
      <c r="I40" s="351">
        <v>102.8</v>
      </c>
      <c r="J40" s="351">
        <v>-0.7</v>
      </c>
      <c r="K40" s="351">
        <v>107.9</v>
      </c>
      <c r="L40" s="351">
        <v>2.5</v>
      </c>
      <c r="M40" s="351">
        <v>105.1</v>
      </c>
      <c r="N40" s="351">
        <v>1.1000000000000001</v>
      </c>
      <c r="O40" s="351">
        <v>95.8</v>
      </c>
      <c r="P40" s="351">
        <v>-7.2</v>
      </c>
      <c r="Q40" s="351">
        <v>98.8</v>
      </c>
      <c r="R40" s="351">
        <v>-5</v>
      </c>
      <c r="S40" s="351">
        <v>102.6</v>
      </c>
      <c r="T40" s="351">
        <v>-0.2</v>
      </c>
      <c r="U40" s="351">
        <v>99.3</v>
      </c>
      <c r="V40" s="351">
        <v>-11.6</v>
      </c>
      <c r="W40" s="351">
        <v>99.4</v>
      </c>
      <c r="X40" s="351">
        <v>-1.7</v>
      </c>
      <c r="Y40" s="351">
        <v>118.6</v>
      </c>
      <c r="Z40" s="351">
        <v>-6.5</v>
      </c>
      <c r="AA40" s="351">
        <v>117.8</v>
      </c>
      <c r="AB40" s="351">
        <v>5.7</v>
      </c>
      <c r="AC40" s="351">
        <v>122.6</v>
      </c>
      <c r="AD40" s="351">
        <v>16.2</v>
      </c>
      <c r="AE40" s="351">
        <v>99.2</v>
      </c>
      <c r="AF40" s="351">
        <v>-7.9</v>
      </c>
      <c r="AG40" s="361">
        <v>97.2</v>
      </c>
      <c r="AH40" s="361">
        <v>-3.9</v>
      </c>
      <c r="AI40" s="351">
        <v>104.7</v>
      </c>
      <c r="AJ40" s="351">
        <v>2.9</v>
      </c>
      <c r="AK40" s="129"/>
    </row>
    <row r="41" spans="1:37" s="326" customFormat="1" ht="15" customHeight="1" x14ac:dyDescent="0.15">
      <c r="A41" s="547"/>
      <c r="B41" s="597" t="s">
        <v>209</v>
      </c>
      <c r="C41" s="347" t="s">
        <v>0</v>
      </c>
      <c r="D41" s="348" t="s">
        <v>239</v>
      </c>
      <c r="E41" s="349">
        <v>101.2</v>
      </c>
      <c r="F41" s="350">
        <v>-3</v>
      </c>
      <c r="G41" s="349">
        <v>105.7</v>
      </c>
      <c r="H41" s="349">
        <v>-2.6</v>
      </c>
      <c r="I41" s="349">
        <v>97.5</v>
      </c>
      <c r="J41" s="349">
        <v>-0.7</v>
      </c>
      <c r="K41" s="349">
        <v>102.8</v>
      </c>
      <c r="L41" s="349">
        <v>-3.7</v>
      </c>
      <c r="M41" s="349">
        <v>104</v>
      </c>
      <c r="N41" s="349">
        <v>-2</v>
      </c>
      <c r="O41" s="349">
        <v>93</v>
      </c>
      <c r="P41" s="349">
        <v>-8.6</v>
      </c>
      <c r="Q41" s="349">
        <v>97.9</v>
      </c>
      <c r="R41" s="349">
        <v>-3</v>
      </c>
      <c r="S41" s="349">
        <v>104.4</v>
      </c>
      <c r="T41" s="349">
        <v>2.8</v>
      </c>
      <c r="U41" s="349">
        <v>92.7</v>
      </c>
      <c r="V41" s="349">
        <v>-10</v>
      </c>
      <c r="W41" s="349">
        <v>97.2</v>
      </c>
      <c r="X41" s="349">
        <v>-3.4</v>
      </c>
      <c r="Y41" s="349">
        <v>120.3</v>
      </c>
      <c r="Z41" s="349">
        <v>5.2</v>
      </c>
      <c r="AA41" s="349">
        <v>117.3</v>
      </c>
      <c r="AB41" s="349">
        <v>4.5999999999999996</v>
      </c>
      <c r="AC41" s="349">
        <v>116.8</v>
      </c>
      <c r="AD41" s="349">
        <v>11.2</v>
      </c>
      <c r="AE41" s="349">
        <v>98.5</v>
      </c>
      <c r="AF41" s="349">
        <v>-12.9</v>
      </c>
      <c r="AG41" s="360">
        <v>95.1</v>
      </c>
      <c r="AH41" s="360">
        <v>-5.4</v>
      </c>
      <c r="AI41" s="349">
        <v>99.7</v>
      </c>
      <c r="AJ41" s="349">
        <v>0.9</v>
      </c>
      <c r="AK41" s="129"/>
    </row>
    <row r="42" spans="1:37" s="326" customFormat="1" ht="15" customHeight="1" x14ac:dyDescent="0.15">
      <c r="A42" s="547"/>
      <c r="B42" s="597"/>
      <c r="C42" s="347" t="s">
        <v>0</v>
      </c>
      <c r="D42" s="348" t="s">
        <v>240</v>
      </c>
      <c r="E42" s="351">
        <v>104.1</v>
      </c>
      <c r="F42" s="352">
        <v>-0.1</v>
      </c>
      <c r="G42" s="351">
        <v>109.4</v>
      </c>
      <c r="H42" s="351">
        <v>-0.3</v>
      </c>
      <c r="I42" s="351">
        <v>103.8</v>
      </c>
      <c r="J42" s="351">
        <v>1</v>
      </c>
      <c r="K42" s="351">
        <v>106.5</v>
      </c>
      <c r="L42" s="351">
        <v>4.3</v>
      </c>
      <c r="M42" s="351">
        <v>102.6</v>
      </c>
      <c r="N42" s="351">
        <v>-0.6</v>
      </c>
      <c r="O42" s="351">
        <v>95.9</v>
      </c>
      <c r="P42" s="351">
        <v>-5.7</v>
      </c>
      <c r="Q42" s="351">
        <v>98.7</v>
      </c>
      <c r="R42" s="351">
        <v>-1.8</v>
      </c>
      <c r="S42" s="351">
        <v>103.2</v>
      </c>
      <c r="T42" s="351">
        <v>5.2</v>
      </c>
      <c r="U42" s="351">
        <v>98.4</v>
      </c>
      <c r="V42" s="351">
        <v>-6.9</v>
      </c>
      <c r="W42" s="351">
        <v>102</v>
      </c>
      <c r="X42" s="351">
        <v>1.7</v>
      </c>
      <c r="Y42" s="351">
        <v>120.4</v>
      </c>
      <c r="Z42" s="351">
        <v>6.9</v>
      </c>
      <c r="AA42" s="351">
        <v>121.9</v>
      </c>
      <c r="AB42" s="351">
        <v>10.6</v>
      </c>
      <c r="AC42" s="351">
        <v>115.3</v>
      </c>
      <c r="AD42" s="351">
        <v>16.8</v>
      </c>
      <c r="AE42" s="351">
        <v>99.5</v>
      </c>
      <c r="AF42" s="351">
        <v>-9.3000000000000007</v>
      </c>
      <c r="AG42" s="361">
        <v>98.8</v>
      </c>
      <c r="AH42" s="361">
        <v>7</v>
      </c>
      <c r="AI42" s="351">
        <v>104.8</v>
      </c>
      <c r="AJ42" s="351">
        <v>1.1000000000000001</v>
      </c>
      <c r="AK42" s="129"/>
    </row>
    <row r="43" spans="1:37" s="326" customFormat="1" ht="15" customHeight="1" x14ac:dyDescent="0.15">
      <c r="A43" s="547"/>
      <c r="B43" s="597"/>
      <c r="C43" s="347" t="s">
        <v>0</v>
      </c>
      <c r="D43" s="348" t="s">
        <v>241</v>
      </c>
      <c r="E43" s="349">
        <v>107</v>
      </c>
      <c r="F43" s="350">
        <v>0.4</v>
      </c>
      <c r="G43" s="349">
        <v>115.5</v>
      </c>
      <c r="H43" s="349">
        <v>1.6</v>
      </c>
      <c r="I43" s="349">
        <v>108.8</v>
      </c>
      <c r="J43" s="349">
        <v>2</v>
      </c>
      <c r="K43" s="349">
        <v>111.3</v>
      </c>
      <c r="L43" s="349">
        <v>4.5</v>
      </c>
      <c r="M43" s="349">
        <v>113.5</v>
      </c>
      <c r="N43" s="349">
        <v>5.2</v>
      </c>
      <c r="O43" s="349">
        <v>96.6</v>
      </c>
      <c r="P43" s="349">
        <v>-4</v>
      </c>
      <c r="Q43" s="349">
        <v>102.2</v>
      </c>
      <c r="R43" s="349">
        <v>0.5</v>
      </c>
      <c r="S43" s="349">
        <v>105.2</v>
      </c>
      <c r="T43" s="349">
        <v>2</v>
      </c>
      <c r="U43" s="349">
        <v>108</v>
      </c>
      <c r="V43" s="349">
        <v>2.5</v>
      </c>
      <c r="W43" s="349">
        <v>107.7</v>
      </c>
      <c r="X43" s="349">
        <v>-0.2</v>
      </c>
      <c r="Y43" s="349">
        <v>117.8</v>
      </c>
      <c r="Z43" s="349">
        <v>6.2</v>
      </c>
      <c r="AA43" s="349">
        <v>114.6</v>
      </c>
      <c r="AB43" s="349">
        <v>6.3</v>
      </c>
      <c r="AC43" s="349">
        <v>108.4</v>
      </c>
      <c r="AD43" s="349">
        <v>10.4</v>
      </c>
      <c r="AE43" s="349">
        <v>101.2</v>
      </c>
      <c r="AF43" s="349">
        <v>-10</v>
      </c>
      <c r="AG43" s="360">
        <v>101.8</v>
      </c>
      <c r="AH43" s="360">
        <v>-2.6</v>
      </c>
      <c r="AI43" s="349">
        <v>109.3</v>
      </c>
      <c r="AJ43" s="349">
        <v>3.9</v>
      </c>
      <c r="AK43" s="129"/>
    </row>
    <row r="44" spans="1:37" s="326" customFormat="1" ht="15" customHeight="1" x14ac:dyDescent="0.15">
      <c r="A44" s="547"/>
      <c r="B44" s="365"/>
      <c r="C44" s="347" t="s">
        <v>0</v>
      </c>
      <c r="D44" s="348" t="s">
        <v>242</v>
      </c>
      <c r="E44" s="351">
        <v>95.6</v>
      </c>
      <c r="F44" s="352">
        <v>-3.4</v>
      </c>
      <c r="G44" s="351">
        <v>104.4</v>
      </c>
      <c r="H44" s="351">
        <v>-5.8</v>
      </c>
      <c r="I44" s="351">
        <v>93.2</v>
      </c>
      <c r="J44" s="351">
        <v>-3.1</v>
      </c>
      <c r="K44" s="351">
        <v>99.4</v>
      </c>
      <c r="L44" s="351">
        <v>-4.9000000000000004</v>
      </c>
      <c r="M44" s="351">
        <v>104.4</v>
      </c>
      <c r="N44" s="351">
        <v>-0.9</v>
      </c>
      <c r="O44" s="351">
        <v>91.8</v>
      </c>
      <c r="P44" s="351">
        <v>-8.3000000000000007</v>
      </c>
      <c r="Q44" s="351">
        <v>97.1</v>
      </c>
      <c r="R44" s="351">
        <v>-2.2000000000000002</v>
      </c>
      <c r="S44" s="351">
        <v>93.9</v>
      </c>
      <c r="T44" s="351">
        <v>0.1</v>
      </c>
      <c r="U44" s="351">
        <v>95.5</v>
      </c>
      <c r="V44" s="351">
        <v>-6</v>
      </c>
      <c r="W44" s="351">
        <v>89</v>
      </c>
      <c r="X44" s="351">
        <v>-4.8</v>
      </c>
      <c r="Y44" s="351">
        <v>120.5</v>
      </c>
      <c r="Z44" s="351">
        <v>10.199999999999999</v>
      </c>
      <c r="AA44" s="351">
        <v>116.1</v>
      </c>
      <c r="AB44" s="351">
        <v>2.8</v>
      </c>
      <c r="AC44" s="351">
        <v>71.099999999999994</v>
      </c>
      <c r="AD44" s="351">
        <v>7.4</v>
      </c>
      <c r="AE44" s="351">
        <v>98.1</v>
      </c>
      <c r="AF44" s="351">
        <v>-10.4</v>
      </c>
      <c r="AG44" s="361">
        <v>98.3</v>
      </c>
      <c r="AH44" s="361">
        <v>6.7</v>
      </c>
      <c r="AI44" s="351">
        <v>97</v>
      </c>
      <c r="AJ44" s="351">
        <v>-0.2</v>
      </c>
      <c r="AK44" s="129"/>
    </row>
    <row r="45" spans="1:37" s="326" customFormat="1" ht="15" customHeight="1" x14ac:dyDescent="0.15">
      <c r="A45" s="547"/>
      <c r="B45" s="365"/>
      <c r="C45" s="347" t="s">
        <v>0</v>
      </c>
      <c r="D45" s="348" t="s">
        <v>243</v>
      </c>
      <c r="E45" s="349">
        <v>100.8</v>
      </c>
      <c r="F45" s="350">
        <v>0</v>
      </c>
      <c r="G45" s="349">
        <v>98.5</v>
      </c>
      <c r="H45" s="349">
        <v>-7.1</v>
      </c>
      <c r="I45" s="349">
        <v>99.7</v>
      </c>
      <c r="J45" s="349">
        <v>-0.8</v>
      </c>
      <c r="K45" s="349">
        <v>102.3</v>
      </c>
      <c r="L45" s="349">
        <v>2.6</v>
      </c>
      <c r="M45" s="349">
        <v>99.7</v>
      </c>
      <c r="N45" s="349">
        <v>0.4</v>
      </c>
      <c r="O45" s="349">
        <v>93.3</v>
      </c>
      <c r="P45" s="349">
        <v>-5.8</v>
      </c>
      <c r="Q45" s="349">
        <v>97.5</v>
      </c>
      <c r="R45" s="349">
        <v>0.5</v>
      </c>
      <c r="S45" s="349">
        <v>97.1</v>
      </c>
      <c r="T45" s="349">
        <v>9.1999999999999993</v>
      </c>
      <c r="U45" s="349">
        <v>94</v>
      </c>
      <c r="V45" s="349">
        <v>-9.6</v>
      </c>
      <c r="W45" s="349">
        <v>97</v>
      </c>
      <c r="X45" s="349">
        <v>0.6</v>
      </c>
      <c r="Y45" s="349">
        <v>121.3</v>
      </c>
      <c r="Z45" s="349">
        <v>14.7</v>
      </c>
      <c r="AA45" s="349">
        <v>113.2</v>
      </c>
      <c r="AB45" s="349">
        <v>7.4</v>
      </c>
      <c r="AC45" s="349">
        <v>111.6</v>
      </c>
      <c r="AD45" s="349">
        <v>16.5</v>
      </c>
      <c r="AE45" s="349">
        <v>96.5</v>
      </c>
      <c r="AF45" s="349">
        <v>-9.3000000000000007</v>
      </c>
      <c r="AG45" s="360">
        <v>93.1</v>
      </c>
      <c r="AH45" s="360">
        <v>-3.9</v>
      </c>
      <c r="AI45" s="349">
        <v>104</v>
      </c>
      <c r="AJ45" s="349">
        <v>4.8</v>
      </c>
      <c r="AK45" s="129"/>
    </row>
    <row r="46" spans="1:37" s="326" customFormat="1" ht="15" customHeight="1" x14ac:dyDescent="0.15">
      <c r="A46" s="547"/>
      <c r="B46" s="365"/>
      <c r="C46" s="347" t="s">
        <v>0</v>
      </c>
      <c r="D46" s="348" t="s">
        <v>244</v>
      </c>
      <c r="E46" s="351">
        <v>107.6</v>
      </c>
      <c r="F46" s="352">
        <v>3.4</v>
      </c>
      <c r="G46" s="351">
        <v>112.6</v>
      </c>
      <c r="H46" s="351">
        <v>1.8</v>
      </c>
      <c r="I46" s="351">
        <v>107.8</v>
      </c>
      <c r="J46" s="351">
        <v>3.7</v>
      </c>
      <c r="K46" s="351">
        <v>106.3</v>
      </c>
      <c r="L46" s="351">
        <v>-2.2999999999999998</v>
      </c>
      <c r="M46" s="351">
        <v>108.9</v>
      </c>
      <c r="N46" s="351">
        <v>4</v>
      </c>
      <c r="O46" s="351">
        <v>98.1</v>
      </c>
      <c r="P46" s="351">
        <v>-3.6</v>
      </c>
      <c r="Q46" s="351">
        <v>104</v>
      </c>
      <c r="R46" s="351">
        <v>4.7</v>
      </c>
      <c r="S46" s="351">
        <v>106.7</v>
      </c>
      <c r="T46" s="351">
        <v>7.7</v>
      </c>
      <c r="U46" s="351">
        <v>94.6</v>
      </c>
      <c r="V46" s="351">
        <v>-9</v>
      </c>
      <c r="W46" s="351">
        <v>107.2</v>
      </c>
      <c r="X46" s="351">
        <v>-0.5</v>
      </c>
      <c r="Y46" s="351">
        <v>117.4</v>
      </c>
      <c r="Z46" s="351">
        <v>8.1999999999999993</v>
      </c>
      <c r="AA46" s="351">
        <v>113.3</v>
      </c>
      <c r="AB46" s="351">
        <v>2</v>
      </c>
      <c r="AC46" s="351">
        <v>121.3</v>
      </c>
      <c r="AD46" s="351">
        <v>14.3</v>
      </c>
      <c r="AE46" s="351">
        <v>103.3</v>
      </c>
      <c r="AF46" s="351">
        <v>1.7</v>
      </c>
      <c r="AG46" s="361">
        <v>99.1</v>
      </c>
      <c r="AH46" s="361">
        <v>4.2</v>
      </c>
      <c r="AI46" s="351">
        <v>107.1</v>
      </c>
      <c r="AJ46" s="351">
        <v>3.5</v>
      </c>
      <c r="AK46" s="129"/>
    </row>
    <row r="47" spans="1:37" s="326" customFormat="1" ht="14.25" customHeight="1" x14ac:dyDescent="0.15">
      <c r="A47" s="547"/>
      <c r="B47" s="365"/>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29"/>
    </row>
    <row r="48" spans="1:37" s="326" customFormat="1" ht="14.25" customHeight="1" x14ac:dyDescent="0.15">
      <c r="A48" s="547"/>
      <c r="B48" s="365"/>
      <c r="C48" s="347" t="s">
        <v>234</v>
      </c>
      <c r="D48" s="348" t="s">
        <v>232</v>
      </c>
      <c r="E48" s="349">
        <v>100.4</v>
      </c>
      <c r="F48" s="350">
        <v>-4.3</v>
      </c>
      <c r="G48" s="349">
        <v>110.9</v>
      </c>
      <c r="H48" s="349">
        <v>-2.7</v>
      </c>
      <c r="I48" s="349">
        <v>101.6</v>
      </c>
      <c r="J48" s="349">
        <v>-4.7</v>
      </c>
      <c r="K48" s="349">
        <v>94.9</v>
      </c>
      <c r="L48" s="349">
        <v>-7.9</v>
      </c>
      <c r="M48" s="349">
        <v>105.1</v>
      </c>
      <c r="N48" s="349">
        <v>-1.7</v>
      </c>
      <c r="O48" s="349">
        <v>93</v>
      </c>
      <c r="P48" s="349">
        <v>-8.4</v>
      </c>
      <c r="Q48" s="349">
        <v>99.3</v>
      </c>
      <c r="R48" s="349">
        <v>-0.6</v>
      </c>
      <c r="S48" s="349">
        <v>88.1</v>
      </c>
      <c r="T48" s="349">
        <v>-6.1</v>
      </c>
      <c r="U48" s="349">
        <v>95.9</v>
      </c>
      <c r="V48" s="349">
        <v>-6.2</v>
      </c>
      <c r="W48" s="349">
        <v>97.9</v>
      </c>
      <c r="X48" s="349">
        <v>-4.9000000000000004</v>
      </c>
      <c r="Y48" s="349">
        <v>119.8</v>
      </c>
      <c r="Z48" s="349">
        <v>12.1</v>
      </c>
      <c r="AA48" s="349">
        <v>113</v>
      </c>
      <c r="AB48" s="349">
        <v>-1.9</v>
      </c>
      <c r="AC48" s="349">
        <v>96.3</v>
      </c>
      <c r="AD48" s="349">
        <v>-5.4</v>
      </c>
      <c r="AE48" s="349">
        <v>97.4</v>
      </c>
      <c r="AF48" s="349">
        <v>-8.6</v>
      </c>
      <c r="AG48" s="349">
        <v>86.8</v>
      </c>
      <c r="AH48" s="360">
        <v>-8.3000000000000007</v>
      </c>
      <c r="AI48" s="349">
        <v>100.8</v>
      </c>
      <c r="AJ48" s="349">
        <v>-2.9</v>
      </c>
      <c r="AK48" s="129"/>
    </row>
    <row r="49" spans="1:36" ht="11.25" customHeight="1" thickBot="1" x14ac:dyDescent="0.2">
      <c r="A49" s="547"/>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7"/>
      <c r="C50" s="598" t="s">
        <v>210</v>
      </c>
      <c r="D50" s="599"/>
      <c r="E50" s="599"/>
      <c r="F50" s="599"/>
      <c r="G50" s="599"/>
      <c r="H50" s="599"/>
      <c r="I50" s="599"/>
      <c r="J50" s="599"/>
      <c r="K50" s="599"/>
      <c r="L50" s="599"/>
      <c r="M50" s="600"/>
      <c r="N50" s="600"/>
      <c r="O50" s="600"/>
      <c r="P50" s="600"/>
      <c r="Q50" s="600"/>
      <c r="R50" s="600"/>
      <c r="S50" s="600"/>
      <c r="T50" s="600"/>
      <c r="U50" s="600"/>
      <c r="V50" s="600"/>
      <c r="W50" s="600"/>
      <c r="X50" s="600"/>
      <c r="Y50" s="600"/>
      <c r="Z50" s="600"/>
      <c r="AA50" s="600"/>
      <c r="AB50" s="600"/>
      <c r="AC50" s="600"/>
      <c r="AD50" s="600"/>
      <c r="AE50" s="600"/>
      <c r="AF50" s="600"/>
    </row>
  </sheetData>
  <protectedRanges>
    <protectedRange sqref="U26:AB26" name="範囲1_1_1"/>
    <protectedRange sqref="AI26:AJ26" name="範囲1_1_2"/>
    <protectedRange sqref="U47:AB47" name="範囲1_1_3"/>
    <protectedRange sqref="AI47:AJ47" name="範囲1_1_4"/>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23FC1E-E21A-4D47-8DA9-EEE9D97EA2B8}">
  <sheetPr codeName="Sheet21">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38" customWidth="1"/>
    <col min="3" max="3" width="6.625" style="38" customWidth="1"/>
    <col min="4" max="4" width="3.875" style="38" customWidth="1"/>
    <col min="5" max="32" width="4.875" style="38" customWidth="1"/>
    <col min="33" max="34" width="5.125" style="38" bestFit="1" customWidth="1"/>
    <col min="35" max="36" width="4.875" style="38" customWidth="1"/>
    <col min="37" max="37" width="9" style="38"/>
  </cols>
  <sheetData>
    <row r="1" spans="1:37" ht="18.75" customHeight="1" x14ac:dyDescent="0.15">
      <c r="A1" s="547" t="s">
        <v>221</v>
      </c>
      <c r="B1" s="10" t="s">
        <v>222</v>
      </c>
      <c r="D1" s="323"/>
      <c r="E1" s="323"/>
      <c r="F1" s="323"/>
      <c r="G1" s="323"/>
      <c r="H1" s="323"/>
      <c r="I1" s="323"/>
      <c r="J1" s="323"/>
      <c r="K1" s="323"/>
      <c r="L1" s="323"/>
      <c r="M1" s="323"/>
      <c r="N1" s="323"/>
      <c r="O1" s="323"/>
      <c r="P1" s="323"/>
      <c r="Q1" s="323"/>
      <c r="R1" s="323"/>
      <c r="S1" s="323"/>
      <c r="T1" s="323"/>
      <c r="U1" s="323"/>
      <c r="V1" s="323"/>
      <c r="W1" s="323"/>
      <c r="X1" s="323"/>
      <c r="Y1" s="323"/>
      <c r="Z1" s="323"/>
      <c r="AA1" s="323"/>
      <c r="AB1" s="323"/>
      <c r="AC1" s="323"/>
      <c r="AD1" s="323"/>
      <c r="AE1" s="323"/>
      <c r="AF1" s="549" t="s">
        <v>213</v>
      </c>
      <c r="AG1" s="549"/>
      <c r="AH1" s="549"/>
      <c r="AI1" s="549"/>
      <c r="AJ1" s="549"/>
    </row>
    <row r="2" spans="1:37" s="326" customFormat="1" ht="3.75" customHeight="1" thickBot="1" x14ac:dyDescent="0.2">
      <c r="A2" s="547"/>
      <c r="B2" s="128"/>
      <c r="C2" s="130"/>
      <c r="D2" s="130"/>
      <c r="E2" s="130"/>
      <c r="F2" s="130"/>
      <c r="G2" s="316"/>
      <c r="H2" s="586"/>
      <c r="I2" s="586"/>
      <c r="J2" s="586"/>
      <c r="K2" s="586"/>
      <c r="L2" s="586"/>
      <c r="M2" s="130"/>
      <c r="N2" s="130"/>
      <c r="O2" s="130"/>
      <c r="P2" s="586"/>
      <c r="Q2" s="586"/>
      <c r="R2" s="586"/>
      <c r="S2" s="586"/>
      <c r="T2" s="586"/>
      <c r="U2" s="130"/>
      <c r="V2" s="130"/>
      <c r="W2" s="130"/>
      <c r="X2" s="130"/>
      <c r="Y2" s="130"/>
      <c r="Z2" s="130"/>
      <c r="AA2" s="130"/>
      <c r="AB2" s="129"/>
      <c r="AC2" s="129"/>
      <c r="AD2" s="129"/>
      <c r="AE2" s="129"/>
      <c r="AF2" s="325"/>
      <c r="AG2" s="325"/>
      <c r="AH2" s="325"/>
      <c r="AI2" s="325"/>
      <c r="AJ2" s="325"/>
      <c r="AK2" s="129"/>
    </row>
    <row r="3" spans="1:37" s="326" customFormat="1" ht="6" customHeight="1" x14ac:dyDescent="0.15">
      <c r="A3" s="547"/>
      <c r="B3" s="327"/>
      <c r="C3" s="601"/>
      <c r="D3" s="60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29"/>
    </row>
    <row r="4" spans="1:37" s="326" customFormat="1" ht="12" customHeight="1" x14ac:dyDescent="0.15">
      <c r="A4" s="547"/>
      <c r="B4" s="128"/>
      <c r="C4" s="603"/>
      <c r="D4" s="604"/>
      <c r="E4" s="588" t="s">
        <v>90</v>
      </c>
      <c r="F4" s="607"/>
      <c r="G4" s="608" t="s">
        <v>1</v>
      </c>
      <c r="H4" s="589"/>
      <c r="I4" s="588" t="s">
        <v>2</v>
      </c>
      <c r="J4" s="589"/>
      <c r="K4" s="588" t="s">
        <v>183</v>
      </c>
      <c r="L4" s="589"/>
      <c r="M4" s="588" t="s">
        <v>184</v>
      </c>
      <c r="N4" s="590"/>
      <c r="O4" s="588" t="s">
        <v>185</v>
      </c>
      <c r="P4" s="590"/>
      <c r="Q4" s="588" t="s">
        <v>186</v>
      </c>
      <c r="R4" s="590"/>
      <c r="S4" s="588" t="s">
        <v>187</v>
      </c>
      <c r="T4" s="590"/>
      <c r="U4" s="588" t="s">
        <v>188</v>
      </c>
      <c r="V4" s="590"/>
      <c r="W4" s="591" t="s">
        <v>189</v>
      </c>
      <c r="X4" s="592"/>
      <c r="Y4" s="588" t="s">
        <v>190</v>
      </c>
      <c r="Z4" s="593"/>
      <c r="AA4" s="591" t="s">
        <v>191</v>
      </c>
      <c r="AB4" s="592"/>
      <c r="AC4" s="588" t="s">
        <v>192</v>
      </c>
      <c r="AD4" s="593"/>
      <c r="AE4" s="588" t="s">
        <v>193</v>
      </c>
      <c r="AF4" s="593"/>
      <c r="AG4" s="588" t="s">
        <v>194</v>
      </c>
      <c r="AH4" s="593"/>
      <c r="AI4" s="588" t="s">
        <v>195</v>
      </c>
      <c r="AJ4" s="609"/>
      <c r="AK4" s="129"/>
    </row>
    <row r="5" spans="1:37" s="326" customFormat="1" ht="12" customHeight="1" x14ac:dyDescent="0.15">
      <c r="A5" s="547"/>
      <c r="B5" s="128"/>
      <c r="C5" s="603"/>
      <c r="D5" s="604"/>
      <c r="E5" s="332"/>
      <c r="F5" s="333"/>
      <c r="G5" s="334"/>
      <c r="H5" s="335"/>
      <c r="I5" s="332"/>
      <c r="J5" s="335"/>
      <c r="K5" s="591" t="s">
        <v>196</v>
      </c>
      <c r="L5" s="592"/>
      <c r="M5" s="610"/>
      <c r="N5" s="590"/>
      <c r="O5" s="611" t="s">
        <v>197</v>
      </c>
      <c r="P5" s="590"/>
      <c r="Q5" s="588" t="s">
        <v>198</v>
      </c>
      <c r="R5" s="590"/>
      <c r="S5" s="588" t="s">
        <v>199</v>
      </c>
      <c r="T5" s="590"/>
      <c r="U5" s="588" t="s">
        <v>200</v>
      </c>
      <c r="V5" s="590"/>
      <c r="W5" s="591" t="s">
        <v>201</v>
      </c>
      <c r="X5" s="592"/>
      <c r="Y5" s="591" t="s">
        <v>202</v>
      </c>
      <c r="Z5" s="592"/>
      <c r="AA5" s="588" t="s">
        <v>203</v>
      </c>
      <c r="AB5" s="590"/>
      <c r="AC5" s="588" t="s">
        <v>204</v>
      </c>
      <c r="AD5" s="593"/>
      <c r="AE5" s="588"/>
      <c r="AF5" s="590"/>
      <c r="AG5" s="588" t="s">
        <v>205</v>
      </c>
      <c r="AH5" s="590"/>
      <c r="AI5" s="588"/>
      <c r="AJ5" s="614"/>
      <c r="AK5" s="129"/>
    </row>
    <row r="6" spans="1:37" s="337" customFormat="1" ht="15" customHeight="1" x14ac:dyDescent="0.15">
      <c r="A6" s="547"/>
      <c r="B6" s="336"/>
      <c r="C6" s="603"/>
      <c r="D6" s="604"/>
      <c r="E6" s="612" t="s">
        <v>206</v>
      </c>
      <c r="F6" s="615"/>
      <c r="G6" s="616" t="s">
        <v>206</v>
      </c>
      <c r="H6" s="613"/>
      <c r="I6" s="612" t="s">
        <v>206</v>
      </c>
      <c r="J6" s="613"/>
      <c r="K6" s="612" t="s">
        <v>206</v>
      </c>
      <c r="L6" s="613"/>
      <c r="M6" s="612" t="s">
        <v>206</v>
      </c>
      <c r="N6" s="613"/>
      <c r="O6" s="612" t="s">
        <v>206</v>
      </c>
      <c r="P6" s="613"/>
      <c r="Q6" s="612" t="s">
        <v>206</v>
      </c>
      <c r="R6" s="613"/>
      <c r="S6" s="612" t="s">
        <v>206</v>
      </c>
      <c r="T6" s="613"/>
      <c r="U6" s="612" t="s">
        <v>206</v>
      </c>
      <c r="V6" s="613"/>
      <c r="W6" s="612" t="s">
        <v>206</v>
      </c>
      <c r="X6" s="613"/>
      <c r="Y6" s="612" t="s">
        <v>206</v>
      </c>
      <c r="Z6" s="613"/>
      <c r="AA6" s="612" t="s">
        <v>206</v>
      </c>
      <c r="AB6" s="613"/>
      <c r="AC6" s="612" t="s">
        <v>206</v>
      </c>
      <c r="AD6" s="613"/>
      <c r="AE6" s="612" t="s">
        <v>206</v>
      </c>
      <c r="AF6" s="613"/>
      <c r="AG6" s="612" t="s">
        <v>206</v>
      </c>
      <c r="AH6" s="613"/>
      <c r="AI6" s="612" t="s">
        <v>206</v>
      </c>
      <c r="AJ6" s="616"/>
      <c r="AK6" s="130"/>
    </row>
    <row r="7" spans="1:37" s="326" customFormat="1" ht="7.5" customHeight="1" x14ac:dyDescent="0.15">
      <c r="A7" s="547"/>
      <c r="B7" s="338"/>
      <c r="C7" s="605"/>
      <c r="D7" s="606"/>
      <c r="E7" s="339"/>
      <c r="F7" s="340" t="s">
        <v>165</v>
      </c>
      <c r="G7" s="341"/>
      <c r="H7" s="342" t="s">
        <v>165</v>
      </c>
      <c r="I7" s="339"/>
      <c r="J7" s="342" t="s">
        <v>165</v>
      </c>
      <c r="K7" s="339"/>
      <c r="L7" s="342" t="s">
        <v>165</v>
      </c>
      <c r="M7" s="339"/>
      <c r="N7" s="342" t="s">
        <v>165</v>
      </c>
      <c r="O7" s="339"/>
      <c r="P7" s="342" t="s">
        <v>165</v>
      </c>
      <c r="Q7" s="339"/>
      <c r="R7" s="342" t="s">
        <v>165</v>
      </c>
      <c r="S7" s="339"/>
      <c r="T7" s="342" t="s">
        <v>165</v>
      </c>
      <c r="U7" s="339"/>
      <c r="V7" s="342" t="s">
        <v>165</v>
      </c>
      <c r="W7" s="339"/>
      <c r="X7" s="342" t="s">
        <v>165</v>
      </c>
      <c r="Y7" s="339"/>
      <c r="Z7" s="342" t="s">
        <v>165</v>
      </c>
      <c r="AA7" s="339"/>
      <c r="AB7" s="342" t="s">
        <v>165</v>
      </c>
      <c r="AC7" s="339"/>
      <c r="AD7" s="342" t="s">
        <v>165</v>
      </c>
      <c r="AE7" s="339"/>
      <c r="AF7" s="342" t="s">
        <v>165</v>
      </c>
      <c r="AG7" s="339"/>
      <c r="AH7" s="342" t="s">
        <v>165</v>
      </c>
      <c r="AI7" s="339"/>
      <c r="AJ7" s="262" t="s">
        <v>165</v>
      </c>
      <c r="AK7" s="129"/>
    </row>
    <row r="8" spans="1:37" s="326" customFormat="1" ht="11.25" customHeight="1" x14ac:dyDescent="0.15">
      <c r="A8" s="547"/>
      <c r="B8" s="594" t="s">
        <v>207</v>
      </c>
      <c r="C8" s="343"/>
      <c r="D8" s="430"/>
      <c r="E8" s="266"/>
      <c r="F8" s="267"/>
      <c r="G8" s="266"/>
      <c r="H8" s="266"/>
      <c r="I8" s="266"/>
      <c r="J8" s="266"/>
      <c r="K8" s="266"/>
      <c r="L8" s="266"/>
      <c r="M8" s="266"/>
      <c r="N8" s="266"/>
      <c r="O8" s="266"/>
      <c r="P8" s="266"/>
      <c r="Q8" s="266"/>
      <c r="R8" s="266"/>
      <c r="S8" s="266"/>
      <c r="T8" s="266"/>
      <c r="U8" s="266"/>
      <c r="V8" s="266"/>
      <c r="W8" s="266"/>
      <c r="X8" s="266"/>
      <c r="Y8" s="266"/>
      <c r="Z8" s="266"/>
      <c r="AA8" s="266"/>
      <c r="AB8" s="266"/>
      <c r="AC8" s="266"/>
      <c r="AD8" s="266"/>
      <c r="AE8" s="266"/>
      <c r="AF8" s="266"/>
      <c r="AG8" s="266"/>
      <c r="AH8" s="266"/>
      <c r="AI8" s="266"/>
      <c r="AJ8" s="266"/>
      <c r="AK8" s="129"/>
    </row>
    <row r="9" spans="1:37" s="326" customFormat="1" ht="14.25" customHeight="1" x14ac:dyDescent="0.15">
      <c r="A9" s="547"/>
      <c r="B9" s="595"/>
      <c r="C9" s="347" t="s">
        <v>227</v>
      </c>
      <c r="D9" s="348" t="s">
        <v>228</v>
      </c>
      <c r="E9" s="349">
        <v>100.2</v>
      </c>
      <c r="F9" s="350">
        <v>0.2</v>
      </c>
      <c r="G9" s="349">
        <v>100.8</v>
      </c>
      <c r="H9" s="349">
        <v>0.9</v>
      </c>
      <c r="I9" s="349">
        <v>100.9</v>
      </c>
      <c r="J9" s="349">
        <v>0.8</v>
      </c>
      <c r="K9" s="349">
        <v>102.7</v>
      </c>
      <c r="L9" s="349">
        <v>2.8</v>
      </c>
      <c r="M9" s="349">
        <v>101.2</v>
      </c>
      <c r="N9" s="349">
        <v>1.3</v>
      </c>
      <c r="O9" s="349">
        <v>98.3</v>
      </c>
      <c r="P9" s="349">
        <v>-1.6</v>
      </c>
      <c r="Q9" s="349">
        <v>97.6</v>
      </c>
      <c r="R9" s="349">
        <v>-2.4</v>
      </c>
      <c r="S9" s="349">
        <v>99</v>
      </c>
      <c r="T9" s="349">
        <v>-1</v>
      </c>
      <c r="U9" s="349">
        <v>103.2</v>
      </c>
      <c r="V9" s="349">
        <v>3.2</v>
      </c>
      <c r="W9" s="349">
        <v>100.8</v>
      </c>
      <c r="X9" s="349">
        <v>0.8</v>
      </c>
      <c r="Y9" s="349">
        <v>102</v>
      </c>
      <c r="Z9" s="349">
        <v>2</v>
      </c>
      <c r="AA9" s="349">
        <v>111.2</v>
      </c>
      <c r="AB9" s="349">
        <v>11.3</v>
      </c>
      <c r="AC9" s="349">
        <v>103.4</v>
      </c>
      <c r="AD9" s="349">
        <v>3.4</v>
      </c>
      <c r="AE9" s="349">
        <v>97.3</v>
      </c>
      <c r="AF9" s="349">
        <v>-2.6</v>
      </c>
      <c r="AG9" s="349">
        <v>100.8</v>
      </c>
      <c r="AH9" s="349">
        <v>0.7</v>
      </c>
      <c r="AI9" s="349">
        <v>101.8</v>
      </c>
      <c r="AJ9" s="349">
        <v>1.7</v>
      </c>
      <c r="AK9" s="129"/>
    </row>
    <row r="10" spans="1:37" s="326" customFormat="1" ht="14.25" customHeight="1" x14ac:dyDescent="0.15">
      <c r="A10" s="547"/>
      <c r="B10" s="595"/>
      <c r="C10" s="347" t="s">
        <v>227</v>
      </c>
      <c r="D10" s="348" t="s">
        <v>229</v>
      </c>
      <c r="E10" s="351">
        <v>100.2</v>
      </c>
      <c r="F10" s="352">
        <v>0</v>
      </c>
      <c r="G10" s="351">
        <v>101.1</v>
      </c>
      <c r="H10" s="351">
        <v>0.3</v>
      </c>
      <c r="I10" s="351">
        <v>102.8</v>
      </c>
      <c r="J10" s="351">
        <v>1.9</v>
      </c>
      <c r="K10" s="351">
        <v>103.2</v>
      </c>
      <c r="L10" s="351">
        <v>0.5</v>
      </c>
      <c r="M10" s="351">
        <v>100.5</v>
      </c>
      <c r="N10" s="351">
        <v>-0.7</v>
      </c>
      <c r="O10" s="351">
        <v>100.3</v>
      </c>
      <c r="P10" s="351">
        <v>2</v>
      </c>
      <c r="Q10" s="351">
        <v>97.5</v>
      </c>
      <c r="R10" s="351">
        <v>-0.1</v>
      </c>
      <c r="S10" s="351">
        <v>97.9</v>
      </c>
      <c r="T10" s="351">
        <v>-1.1000000000000001</v>
      </c>
      <c r="U10" s="351">
        <v>100.4</v>
      </c>
      <c r="V10" s="351">
        <v>-2.7</v>
      </c>
      <c r="W10" s="351">
        <v>100.2</v>
      </c>
      <c r="X10" s="351">
        <v>-0.6</v>
      </c>
      <c r="Y10" s="351">
        <v>114.2</v>
      </c>
      <c r="Z10" s="351">
        <v>12</v>
      </c>
      <c r="AA10" s="351">
        <v>114</v>
      </c>
      <c r="AB10" s="351">
        <v>2.5</v>
      </c>
      <c r="AC10" s="351">
        <v>92.4</v>
      </c>
      <c r="AD10" s="351">
        <v>-10.6</v>
      </c>
      <c r="AE10" s="351">
        <v>100.7</v>
      </c>
      <c r="AF10" s="351">
        <v>3.5</v>
      </c>
      <c r="AG10" s="351">
        <v>98.4</v>
      </c>
      <c r="AH10" s="351">
        <v>-2.4</v>
      </c>
      <c r="AI10" s="351">
        <v>98.7</v>
      </c>
      <c r="AJ10" s="351">
        <v>-3</v>
      </c>
      <c r="AK10" s="129"/>
    </row>
    <row r="11" spans="1:37" s="326" customFormat="1" ht="14.25" customHeight="1" x14ac:dyDescent="0.15">
      <c r="A11" s="547"/>
      <c r="B11" s="595"/>
      <c r="C11" s="347" t="s">
        <v>227</v>
      </c>
      <c r="D11" s="348" t="s">
        <v>230</v>
      </c>
      <c r="E11" s="349">
        <v>100.2</v>
      </c>
      <c r="F11" s="350">
        <v>0</v>
      </c>
      <c r="G11" s="349">
        <v>102.8</v>
      </c>
      <c r="H11" s="349">
        <v>1.7</v>
      </c>
      <c r="I11" s="349">
        <v>103.5</v>
      </c>
      <c r="J11" s="349">
        <v>0.7</v>
      </c>
      <c r="K11" s="349">
        <v>103</v>
      </c>
      <c r="L11" s="349">
        <v>-0.2</v>
      </c>
      <c r="M11" s="349">
        <v>103.3</v>
      </c>
      <c r="N11" s="349">
        <v>2.8</v>
      </c>
      <c r="O11" s="349">
        <v>101.1</v>
      </c>
      <c r="P11" s="349">
        <v>0.8</v>
      </c>
      <c r="Q11" s="349">
        <v>97.7</v>
      </c>
      <c r="R11" s="349">
        <v>0.2</v>
      </c>
      <c r="S11" s="349">
        <v>98.1</v>
      </c>
      <c r="T11" s="349">
        <v>0.2</v>
      </c>
      <c r="U11" s="349">
        <v>101.7</v>
      </c>
      <c r="V11" s="349">
        <v>1.3</v>
      </c>
      <c r="W11" s="349">
        <v>100</v>
      </c>
      <c r="X11" s="349">
        <v>-0.2</v>
      </c>
      <c r="Y11" s="349">
        <v>112.9</v>
      </c>
      <c r="Z11" s="349">
        <v>-1.1000000000000001</v>
      </c>
      <c r="AA11" s="349">
        <v>112</v>
      </c>
      <c r="AB11" s="349">
        <v>-1.8</v>
      </c>
      <c r="AC11" s="349">
        <v>93.8</v>
      </c>
      <c r="AD11" s="349">
        <v>1.5</v>
      </c>
      <c r="AE11" s="349">
        <v>101.4</v>
      </c>
      <c r="AF11" s="349">
        <v>0.7</v>
      </c>
      <c r="AG11" s="349">
        <v>101.4</v>
      </c>
      <c r="AH11" s="349">
        <v>3</v>
      </c>
      <c r="AI11" s="349">
        <v>97.7</v>
      </c>
      <c r="AJ11" s="349">
        <v>-1</v>
      </c>
      <c r="AK11" s="129"/>
    </row>
    <row r="12" spans="1:37" s="326" customFormat="1" ht="14.25" customHeight="1" x14ac:dyDescent="0.15">
      <c r="A12" s="547"/>
      <c r="B12" s="595"/>
      <c r="C12" s="347" t="s">
        <v>227</v>
      </c>
      <c r="D12" s="348" t="s">
        <v>231</v>
      </c>
      <c r="E12" s="351">
        <v>99.9</v>
      </c>
      <c r="F12" s="352">
        <v>-1</v>
      </c>
      <c r="G12" s="351">
        <v>105.9</v>
      </c>
      <c r="H12" s="351">
        <v>3.1</v>
      </c>
      <c r="I12" s="351">
        <v>101.6</v>
      </c>
      <c r="J12" s="351">
        <v>-1.9</v>
      </c>
      <c r="K12" s="351">
        <v>103.4</v>
      </c>
      <c r="L12" s="351">
        <v>0.4</v>
      </c>
      <c r="M12" s="351">
        <v>101.9</v>
      </c>
      <c r="N12" s="351">
        <v>-1.4</v>
      </c>
      <c r="O12" s="351">
        <v>99.5</v>
      </c>
      <c r="P12" s="351">
        <v>-1.5</v>
      </c>
      <c r="Q12" s="351">
        <v>95.1</v>
      </c>
      <c r="R12" s="351">
        <v>-2.6</v>
      </c>
      <c r="S12" s="351">
        <v>96.1</v>
      </c>
      <c r="T12" s="351">
        <v>-2.1</v>
      </c>
      <c r="U12" s="351">
        <v>103.5</v>
      </c>
      <c r="V12" s="351">
        <v>1.6</v>
      </c>
      <c r="W12" s="351">
        <v>99.8</v>
      </c>
      <c r="X12" s="351">
        <v>-0.8</v>
      </c>
      <c r="Y12" s="351">
        <v>101.4</v>
      </c>
      <c r="Z12" s="351">
        <v>-9</v>
      </c>
      <c r="AA12" s="351">
        <v>110.4</v>
      </c>
      <c r="AB12" s="351">
        <v>-1.9</v>
      </c>
      <c r="AC12" s="351">
        <v>93.6</v>
      </c>
      <c r="AD12" s="351">
        <v>-3.5</v>
      </c>
      <c r="AE12" s="351">
        <v>103.3</v>
      </c>
      <c r="AF12" s="351">
        <v>1.9</v>
      </c>
      <c r="AG12" s="351">
        <v>100.5</v>
      </c>
      <c r="AH12" s="351">
        <v>-0.8</v>
      </c>
      <c r="AI12" s="351">
        <v>101.8</v>
      </c>
      <c r="AJ12" s="351">
        <v>4</v>
      </c>
      <c r="AK12" s="129"/>
    </row>
    <row r="13" spans="1:37" s="326" customFormat="1" ht="14.25" customHeight="1" x14ac:dyDescent="0.15">
      <c r="A13" s="547"/>
      <c r="B13" s="59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29"/>
    </row>
    <row r="14" spans="1:37" s="326" customFormat="1" ht="15" customHeight="1" x14ac:dyDescent="0.15">
      <c r="A14" s="547"/>
      <c r="B14" s="595"/>
      <c r="C14" s="347" t="s">
        <v>208</v>
      </c>
      <c r="D14" s="348" t="s">
        <v>232</v>
      </c>
      <c r="E14" s="349">
        <v>101.8</v>
      </c>
      <c r="F14" s="350">
        <v>-0.6</v>
      </c>
      <c r="G14" s="349">
        <v>108.3</v>
      </c>
      <c r="H14" s="349">
        <v>1.3</v>
      </c>
      <c r="I14" s="349">
        <v>106.3</v>
      </c>
      <c r="J14" s="349">
        <v>-1.6</v>
      </c>
      <c r="K14" s="349">
        <v>105.2</v>
      </c>
      <c r="L14" s="349">
        <v>2.5</v>
      </c>
      <c r="M14" s="349">
        <v>105</v>
      </c>
      <c r="N14" s="349">
        <v>-0.7</v>
      </c>
      <c r="O14" s="349">
        <v>100.1</v>
      </c>
      <c r="P14" s="349">
        <v>-4.8</v>
      </c>
      <c r="Q14" s="349">
        <v>97.2</v>
      </c>
      <c r="R14" s="349">
        <v>-2.4</v>
      </c>
      <c r="S14" s="349">
        <v>97.1</v>
      </c>
      <c r="T14" s="349">
        <v>-0.9</v>
      </c>
      <c r="U14" s="349">
        <v>106.6</v>
      </c>
      <c r="V14" s="349">
        <v>3.5</v>
      </c>
      <c r="W14" s="349">
        <v>103.4</v>
      </c>
      <c r="X14" s="349">
        <v>-0.5</v>
      </c>
      <c r="Y14" s="349">
        <v>96.8</v>
      </c>
      <c r="Z14" s="349">
        <v>-5.3</v>
      </c>
      <c r="AA14" s="349">
        <v>110.3</v>
      </c>
      <c r="AB14" s="349">
        <v>-2.5</v>
      </c>
      <c r="AC14" s="349">
        <v>100.1</v>
      </c>
      <c r="AD14" s="349">
        <v>0.8</v>
      </c>
      <c r="AE14" s="349">
        <v>103.5</v>
      </c>
      <c r="AF14" s="349">
        <v>0.9</v>
      </c>
      <c r="AG14" s="349">
        <v>101.6</v>
      </c>
      <c r="AH14" s="349">
        <v>2.9</v>
      </c>
      <c r="AI14" s="349">
        <v>103.2</v>
      </c>
      <c r="AJ14" s="349">
        <v>4.8</v>
      </c>
      <c r="AK14" s="129"/>
    </row>
    <row r="15" spans="1:37" s="326" customFormat="1" ht="15" customHeight="1" x14ac:dyDescent="0.15">
      <c r="A15" s="547"/>
      <c r="B15" s="595"/>
      <c r="C15" s="347" t="s">
        <v>0</v>
      </c>
      <c r="D15" s="348" t="s">
        <v>233</v>
      </c>
      <c r="E15" s="351">
        <v>99.6</v>
      </c>
      <c r="F15" s="352">
        <v>-1.2</v>
      </c>
      <c r="G15" s="351">
        <v>104.5</v>
      </c>
      <c r="H15" s="351">
        <v>-0.6</v>
      </c>
      <c r="I15" s="351">
        <v>102.9</v>
      </c>
      <c r="J15" s="351">
        <v>-1.5</v>
      </c>
      <c r="K15" s="351">
        <v>100.7</v>
      </c>
      <c r="L15" s="351">
        <v>-0.6</v>
      </c>
      <c r="M15" s="351">
        <v>103</v>
      </c>
      <c r="N15" s="351">
        <v>0.1</v>
      </c>
      <c r="O15" s="351">
        <v>99</v>
      </c>
      <c r="P15" s="351">
        <v>-5</v>
      </c>
      <c r="Q15" s="351">
        <v>96.3</v>
      </c>
      <c r="R15" s="351">
        <v>-2.2999999999999998</v>
      </c>
      <c r="S15" s="351">
        <v>99.1</v>
      </c>
      <c r="T15" s="351">
        <v>0.2</v>
      </c>
      <c r="U15" s="351">
        <v>102.7</v>
      </c>
      <c r="V15" s="351">
        <v>2.5</v>
      </c>
      <c r="W15" s="351">
        <v>98.1</v>
      </c>
      <c r="X15" s="351">
        <v>-1.5</v>
      </c>
      <c r="Y15" s="351">
        <v>101.1</v>
      </c>
      <c r="Z15" s="351">
        <v>-11.5</v>
      </c>
      <c r="AA15" s="351">
        <v>110.1</v>
      </c>
      <c r="AB15" s="351">
        <v>-2.9</v>
      </c>
      <c r="AC15" s="351">
        <v>90.2</v>
      </c>
      <c r="AD15" s="351">
        <v>0.4</v>
      </c>
      <c r="AE15" s="351">
        <v>102.4</v>
      </c>
      <c r="AF15" s="351">
        <v>1.5</v>
      </c>
      <c r="AG15" s="351">
        <v>106.5</v>
      </c>
      <c r="AH15" s="351">
        <v>1.9</v>
      </c>
      <c r="AI15" s="351">
        <v>99.8</v>
      </c>
      <c r="AJ15" s="351">
        <v>2.9</v>
      </c>
      <c r="AK15" s="129"/>
    </row>
    <row r="16" spans="1:37" s="326" customFormat="1" ht="15" customHeight="1" x14ac:dyDescent="0.15">
      <c r="A16" s="547"/>
      <c r="B16" s="595"/>
      <c r="C16" s="347" t="s">
        <v>234</v>
      </c>
      <c r="D16" s="348" t="s">
        <v>235</v>
      </c>
      <c r="E16" s="349">
        <v>93.2</v>
      </c>
      <c r="F16" s="350">
        <v>-1</v>
      </c>
      <c r="G16" s="349">
        <v>99.9</v>
      </c>
      <c r="H16" s="349">
        <v>0.2</v>
      </c>
      <c r="I16" s="349">
        <v>94.4</v>
      </c>
      <c r="J16" s="349">
        <v>3.2</v>
      </c>
      <c r="K16" s="349">
        <v>99.4</v>
      </c>
      <c r="L16" s="349">
        <v>3.9</v>
      </c>
      <c r="M16" s="349">
        <v>102</v>
      </c>
      <c r="N16" s="349">
        <v>5</v>
      </c>
      <c r="O16" s="349">
        <v>90.9</v>
      </c>
      <c r="P16" s="349">
        <v>-5.2</v>
      </c>
      <c r="Q16" s="349">
        <v>88.2</v>
      </c>
      <c r="R16" s="349">
        <v>-2.8</v>
      </c>
      <c r="S16" s="349">
        <v>92.3</v>
      </c>
      <c r="T16" s="349">
        <v>5.7</v>
      </c>
      <c r="U16" s="349">
        <v>93.9</v>
      </c>
      <c r="V16" s="349">
        <v>-2.7</v>
      </c>
      <c r="W16" s="349">
        <v>91.5</v>
      </c>
      <c r="X16" s="349">
        <v>0.4</v>
      </c>
      <c r="Y16" s="349">
        <v>100.6</v>
      </c>
      <c r="Z16" s="349">
        <v>-3.2</v>
      </c>
      <c r="AA16" s="349">
        <v>99.4</v>
      </c>
      <c r="AB16" s="349">
        <v>-8.6999999999999993</v>
      </c>
      <c r="AC16" s="349">
        <v>99.4</v>
      </c>
      <c r="AD16" s="349">
        <v>11.4</v>
      </c>
      <c r="AE16" s="349">
        <v>92.4</v>
      </c>
      <c r="AF16" s="349">
        <v>-6.3</v>
      </c>
      <c r="AG16" s="349">
        <v>99</v>
      </c>
      <c r="AH16" s="349">
        <v>-2.4</v>
      </c>
      <c r="AI16" s="349">
        <v>94.3</v>
      </c>
      <c r="AJ16" s="349">
        <v>1.4</v>
      </c>
      <c r="AK16" s="129"/>
    </row>
    <row r="17" spans="1:37" s="326" customFormat="1" ht="15" customHeight="1" x14ac:dyDescent="0.15">
      <c r="A17" s="547"/>
      <c r="B17" s="595"/>
      <c r="C17" s="347" t="s">
        <v>0</v>
      </c>
      <c r="D17" s="348" t="s">
        <v>236</v>
      </c>
      <c r="E17" s="351">
        <v>92.8</v>
      </c>
      <c r="F17" s="352">
        <v>-5.3</v>
      </c>
      <c r="G17" s="351">
        <v>98.6</v>
      </c>
      <c r="H17" s="351">
        <v>-8.4</v>
      </c>
      <c r="I17" s="351">
        <v>98.6</v>
      </c>
      <c r="J17" s="351">
        <v>-3.5</v>
      </c>
      <c r="K17" s="351">
        <v>97</v>
      </c>
      <c r="L17" s="351">
        <v>-0.1</v>
      </c>
      <c r="M17" s="351">
        <v>94</v>
      </c>
      <c r="N17" s="351">
        <v>-3.2</v>
      </c>
      <c r="O17" s="351">
        <v>92.6</v>
      </c>
      <c r="P17" s="351">
        <v>-5.2</v>
      </c>
      <c r="Q17" s="351">
        <v>87.7</v>
      </c>
      <c r="R17" s="351">
        <v>-5.6</v>
      </c>
      <c r="S17" s="351">
        <v>90.5</v>
      </c>
      <c r="T17" s="351">
        <v>3.9</v>
      </c>
      <c r="U17" s="351">
        <v>90.9</v>
      </c>
      <c r="V17" s="351">
        <v>-13.4</v>
      </c>
      <c r="W17" s="351">
        <v>94</v>
      </c>
      <c r="X17" s="351">
        <v>-3.7</v>
      </c>
      <c r="Y17" s="351">
        <v>95.1</v>
      </c>
      <c r="Z17" s="351">
        <v>-8.5</v>
      </c>
      <c r="AA17" s="351">
        <v>94.9</v>
      </c>
      <c r="AB17" s="351">
        <v>-7.1</v>
      </c>
      <c r="AC17" s="351">
        <v>97</v>
      </c>
      <c r="AD17" s="351">
        <v>5.2</v>
      </c>
      <c r="AE17" s="351">
        <v>90.8</v>
      </c>
      <c r="AF17" s="351">
        <v>-7.7</v>
      </c>
      <c r="AG17" s="351">
        <v>92.1</v>
      </c>
      <c r="AH17" s="351">
        <v>-1.6</v>
      </c>
      <c r="AI17" s="351">
        <v>95.6</v>
      </c>
      <c r="AJ17" s="351">
        <v>-6.5</v>
      </c>
      <c r="AK17" s="129"/>
    </row>
    <row r="18" spans="1:37" s="326" customFormat="1" ht="15" customHeight="1" x14ac:dyDescent="0.15">
      <c r="A18" s="547"/>
      <c r="B18" s="595"/>
      <c r="C18" s="347" t="s">
        <v>0</v>
      </c>
      <c r="D18" s="348" t="s">
        <v>237</v>
      </c>
      <c r="E18" s="349">
        <v>95.9</v>
      </c>
      <c r="F18" s="350">
        <v>-2.8</v>
      </c>
      <c r="G18" s="349">
        <v>100.4</v>
      </c>
      <c r="H18" s="349">
        <v>-3.6</v>
      </c>
      <c r="I18" s="349">
        <v>98.9</v>
      </c>
      <c r="J18" s="349">
        <v>-2.9</v>
      </c>
      <c r="K18" s="349">
        <v>99.5</v>
      </c>
      <c r="L18" s="349">
        <v>-1.3</v>
      </c>
      <c r="M18" s="349">
        <v>102.4</v>
      </c>
      <c r="N18" s="349">
        <v>2.2999999999999998</v>
      </c>
      <c r="O18" s="349">
        <v>94.1</v>
      </c>
      <c r="P18" s="349">
        <v>-6.6</v>
      </c>
      <c r="Q18" s="349">
        <v>88.9</v>
      </c>
      <c r="R18" s="349">
        <v>-4.3</v>
      </c>
      <c r="S18" s="349">
        <v>98.7</v>
      </c>
      <c r="T18" s="349">
        <v>8.1</v>
      </c>
      <c r="U18" s="349">
        <v>99</v>
      </c>
      <c r="V18" s="349">
        <v>-4.3</v>
      </c>
      <c r="W18" s="349">
        <v>96.9</v>
      </c>
      <c r="X18" s="349">
        <v>-1.7</v>
      </c>
      <c r="Y18" s="349">
        <v>101.3</v>
      </c>
      <c r="Z18" s="349">
        <v>-1.6</v>
      </c>
      <c r="AA18" s="349">
        <v>100.6</v>
      </c>
      <c r="AB18" s="349">
        <v>-5.5</v>
      </c>
      <c r="AC18" s="349">
        <v>100.4</v>
      </c>
      <c r="AD18" s="349">
        <v>12.4</v>
      </c>
      <c r="AE18" s="349">
        <v>94.8</v>
      </c>
      <c r="AF18" s="349">
        <v>-6.8</v>
      </c>
      <c r="AG18" s="349">
        <v>102.5</v>
      </c>
      <c r="AH18" s="349">
        <v>2.4</v>
      </c>
      <c r="AI18" s="349">
        <v>99.6</v>
      </c>
      <c r="AJ18" s="349">
        <v>-2.5</v>
      </c>
      <c r="AK18" s="129"/>
    </row>
    <row r="19" spans="1:37" s="326" customFormat="1" ht="15" customHeight="1" x14ac:dyDescent="0.15">
      <c r="A19" s="547"/>
      <c r="B19" s="595"/>
      <c r="C19" s="347" t="s">
        <v>0</v>
      </c>
      <c r="D19" s="348" t="s">
        <v>238</v>
      </c>
      <c r="E19" s="351">
        <v>100.3</v>
      </c>
      <c r="F19" s="352">
        <v>-2.5</v>
      </c>
      <c r="G19" s="351">
        <v>108.4</v>
      </c>
      <c r="H19" s="351">
        <v>1.2</v>
      </c>
      <c r="I19" s="351">
        <v>103.3</v>
      </c>
      <c r="J19" s="351">
        <v>-0.8</v>
      </c>
      <c r="K19" s="351">
        <v>111.1</v>
      </c>
      <c r="L19" s="351">
        <v>4.2</v>
      </c>
      <c r="M19" s="351">
        <v>103.9</v>
      </c>
      <c r="N19" s="351">
        <v>1.9</v>
      </c>
      <c r="O19" s="351">
        <v>98.5</v>
      </c>
      <c r="P19" s="351">
        <v>-5.3</v>
      </c>
      <c r="Q19" s="351">
        <v>93</v>
      </c>
      <c r="R19" s="351">
        <v>-3.8</v>
      </c>
      <c r="S19" s="351">
        <v>105.2</v>
      </c>
      <c r="T19" s="351">
        <v>5</v>
      </c>
      <c r="U19" s="351">
        <v>103.4</v>
      </c>
      <c r="V19" s="351">
        <v>-2.7</v>
      </c>
      <c r="W19" s="351">
        <v>100.4</v>
      </c>
      <c r="X19" s="351">
        <v>-1.2</v>
      </c>
      <c r="Y19" s="351">
        <v>101.4</v>
      </c>
      <c r="Z19" s="351">
        <v>-6.2</v>
      </c>
      <c r="AA19" s="351">
        <v>106</v>
      </c>
      <c r="AB19" s="351">
        <v>-9</v>
      </c>
      <c r="AC19" s="351">
        <v>111.4</v>
      </c>
      <c r="AD19" s="351">
        <v>10.3</v>
      </c>
      <c r="AE19" s="351">
        <v>99</v>
      </c>
      <c r="AF19" s="351">
        <v>-6.4</v>
      </c>
      <c r="AG19" s="351">
        <v>107.8</v>
      </c>
      <c r="AH19" s="351">
        <v>3</v>
      </c>
      <c r="AI19" s="351">
        <v>101.9</v>
      </c>
      <c r="AJ19" s="351">
        <v>-2.8</v>
      </c>
      <c r="AK19" s="129"/>
    </row>
    <row r="20" spans="1:37" s="326" customFormat="1" ht="15" customHeight="1" x14ac:dyDescent="0.15">
      <c r="A20" s="547"/>
      <c r="B20" s="595"/>
      <c r="C20" s="347" t="s">
        <v>0</v>
      </c>
      <c r="D20" s="348" t="s">
        <v>239</v>
      </c>
      <c r="E20" s="349">
        <v>97.9</v>
      </c>
      <c r="F20" s="350">
        <v>-2</v>
      </c>
      <c r="G20" s="349">
        <v>101.8</v>
      </c>
      <c r="H20" s="349">
        <v>0.1</v>
      </c>
      <c r="I20" s="349">
        <v>97.6</v>
      </c>
      <c r="J20" s="349">
        <v>-1.3</v>
      </c>
      <c r="K20" s="349">
        <v>106.3</v>
      </c>
      <c r="L20" s="349">
        <v>-1.1000000000000001</v>
      </c>
      <c r="M20" s="349">
        <v>103.6</v>
      </c>
      <c r="N20" s="349">
        <v>-0.7</v>
      </c>
      <c r="O20" s="349">
        <v>94.8</v>
      </c>
      <c r="P20" s="349">
        <v>-3.9</v>
      </c>
      <c r="Q20" s="349">
        <v>92.7</v>
      </c>
      <c r="R20" s="349">
        <v>-1.1000000000000001</v>
      </c>
      <c r="S20" s="349">
        <v>102.2</v>
      </c>
      <c r="T20" s="349">
        <v>1.1000000000000001</v>
      </c>
      <c r="U20" s="349">
        <v>96.8</v>
      </c>
      <c r="V20" s="349">
        <v>-2.7</v>
      </c>
      <c r="W20" s="349">
        <v>97.4</v>
      </c>
      <c r="X20" s="349">
        <v>-2.5</v>
      </c>
      <c r="Y20" s="349">
        <v>103.2</v>
      </c>
      <c r="Z20" s="349">
        <v>1.5</v>
      </c>
      <c r="AA20" s="349">
        <v>110.9</v>
      </c>
      <c r="AB20" s="349">
        <v>-1.9</v>
      </c>
      <c r="AC20" s="349">
        <v>106.4</v>
      </c>
      <c r="AD20" s="349">
        <v>10.8</v>
      </c>
      <c r="AE20" s="349">
        <v>98.3</v>
      </c>
      <c r="AF20" s="349">
        <v>-7.4</v>
      </c>
      <c r="AG20" s="349">
        <v>102.4</v>
      </c>
      <c r="AH20" s="349">
        <v>-2.5</v>
      </c>
      <c r="AI20" s="349">
        <v>98.4</v>
      </c>
      <c r="AJ20" s="349">
        <v>-2.9</v>
      </c>
      <c r="AK20" s="129"/>
    </row>
    <row r="21" spans="1:37" s="326" customFormat="1" ht="15" customHeight="1" x14ac:dyDescent="0.15">
      <c r="A21" s="547"/>
      <c r="B21" s="595"/>
      <c r="C21" s="347" t="s">
        <v>0</v>
      </c>
      <c r="D21" s="348" t="s">
        <v>240</v>
      </c>
      <c r="E21" s="351">
        <v>101</v>
      </c>
      <c r="F21" s="352">
        <v>-0.8</v>
      </c>
      <c r="G21" s="351">
        <v>105</v>
      </c>
      <c r="H21" s="351">
        <v>-3</v>
      </c>
      <c r="I21" s="351">
        <v>104.8</v>
      </c>
      <c r="J21" s="351">
        <v>0.3</v>
      </c>
      <c r="K21" s="351">
        <v>108.3</v>
      </c>
      <c r="L21" s="351">
        <v>4.7</v>
      </c>
      <c r="M21" s="351">
        <v>101.8</v>
      </c>
      <c r="N21" s="351">
        <v>-0.9</v>
      </c>
      <c r="O21" s="351">
        <v>99.7</v>
      </c>
      <c r="P21" s="351">
        <v>-3.5</v>
      </c>
      <c r="Q21" s="351">
        <v>94.7</v>
      </c>
      <c r="R21" s="351">
        <v>-0.4</v>
      </c>
      <c r="S21" s="351">
        <v>107</v>
      </c>
      <c r="T21" s="351">
        <v>10.199999999999999</v>
      </c>
      <c r="U21" s="351">
        <v>101.8</v>
      </c>
      <c r="V21" s="351">
        <v>-1.8</v>
      </c>
      <c r="W21" s="351">
        <v>102.5</v>
      </c>
      <c r="X21" s="351">
        <v>2.1</v>
      </c>
      <c r="Y21" s="351">
        <v>99.2</v>
      </c>
      <c r="Z21" s="351">
        <v>-2.9</v>
      </c>
      <c r="AA21" s="351">
        <v>118.9</v>
      </c>
      <c r="AB21" s="351">
        <v>4.8</v>
      </c>
      <c r="AC21" s="351">
        <v>107.6</v>
      </c>
      <c r="AD21" s="351">
        <v>12.4</v>
      </c>
      <c r="AE21" s="351">
        <v>99.3</v>
      </c>
      <c r="AF21" s="351">
        <v>-6.3</v>
      </c>
      <c r="AG21" s="351">
        <v>107.7</v>
      </c>
      <c r="AH21" s="351">
        <v>8.6</v>
      </c>
      <c r="AI21" s="351">
        <v>103.5</v>
      </c>
      <c r="AJ21" s="351">
        <v>-0.9</v>
      </c>
      <c r="AK21" s="129"/>
    </row>
    <row r="22" spans="1:37" s="326" customFormat="1" ht="15" customHeight="1" x14ac:dyDescent="0.15">
      <c r="A22" s="547"/>
      <c r="B22" s="595"/>
      <c r="C22" s="347" t="s">
        <v>0</v>
      </c>
      <c r="D22" s="348" t="s">
        <v>241</v>
      </c>
      <c r="E22" s="349">
        <v>104.1</v>
      </c>
      <c r="F22" s="350">
        <v>-0.1</v>
      </c>
      <c r="G22" s="349">
        <v>111.4</v>
      </c>
      <c r="H22" s="349">
        <v>-0.8</v>
      </c>
      <c r="I22" s="349">
        <v>109.7</v>
      </c>
      <c r="J22" s="349">
        <v>2.7</v>
      </c>
      <c r="K22" s="349">
        <v>114</v>
      </c>
      <c r="L22" s="349">
        <v>5.6</v>
      </c>
      <c r="M22" s="349">
        <v>111</v>
      </c>
      <c r="N22" s="349">
        <v>3.3</v>
      </c>
      <c r="O22" s="349">
        <v>99.4</v>
      </c>
      <c r="P22" s="349">
        <v>-0.3</v>
      </c>
      <c r="Q22" s="349">
        <v>96</v>
      </c>
      <c r="R22" s="349">
        <v>-1.6</v>
      </c>
      <c r="S22" s="349">
        <v>105.4</v>
      </c>
      <c r="T22" s="349">
        <v>0</v>
      </c>
      <c r="U22" s="349">
        <v>104</v>
      </c>
      <c r="V22" s="349">
        <v>-2.9</v>
      </c>
      <c r="W22" s="349">
        <v>107.6</v>
      </c>
      <c r="X22" s="349">
        <v>-0.7</v>
      </c>
      <c r="Y22" s="349">
        <v>103.2</v>
      </c>
      <c r="Z22" s="349">
        <v>1.5</v>
      </c>
      <c r="AA22" s="349">
        <v>120.3</v>
      </c>
      <c r="AB22" s="349">
        <v>9.6</v>
      </c>
      <c r="AC22" s="349">
        <v>108.8</v>
      </c>
      <c r="AD22" s="349">
        <v>9.8000000000000007</v>
      </c>
      <c r="AE22" s="349">
        <v>102.9</v>
      </c>
      <c r="AF22" s="349">
        <v>-5.2</v>
      </c>
      <c r="AG22" s="349">
        <v>110.8</v>
      </c>
      <c r="AH22" s="349">
        <v>6.8</v>
      </c>
      <c r="AI22" s="349">
        <v>105.6</v>
      </c>
      <c r="AJ22" s="349">
        <v>-1.5</v>
      </c>
      <c r="AK22" s="129"/>
    </row>
    <row r="23" spans="1:37" s="326" customFormat="1" ht="15" customHeight="1" x14ac:dyDescent="0.15">
      <c r="A23" s="547"/>
      <c r="B23" s="595"/>
      <c r="C23" s="347" t="s">
        <v>0</v>
      </c>
      <c r="D23" s="348" t="s">
        <v>242</v>
      </c>
      <c r="E23" s="351">
        <v>94</v>
      </c>
      <c r="F23" s="352">
        <v>-3.1</v>
      </c>
      <c r="G23" s="351">
        <v>95.7</v>
      </c>
      <c r="H23" s="351">
        <v>-8.6</v>
      </c>
      <c r="I23" s="351">
        <v>93.8</v>
      </c>
      <c r="J23" s="351">
        <v>-1.7</v>
      </c>
      <c r="K23" s="351">
        <v>102.2</v>
      </c>
      <c r="L23" s="351">
        <v>-3</v>
      </c>
      <c r="M23" s="351">
        <v>103</v>
      </c>
      <c r="N23" s="351">
        <v>-1.2</v>
      </c>
      <c r="O23" s="351">
        <v>93.9</v>
      </c>
      <c r="P23" s="351">
        <v>-3.1</v>
      </c>
      <c r="Q23" s="351">
        <v>91.6</v>
      </c>
      <c r="R23" s="351">
        <v>-3.4</v>
      </c>
      <c r="S23" s="351">
        <v>93.6</v>
      </c>
      <c r="T23" s="351">
        <v>1.2</v>
      </c>
      <c r="U23" s="351">
        <v>93.2</v>
      </c>
      <c r="V23" s="351">
        <v>-8.5</v>
      </c>
      <c r="W23" s="351">
        <v>88.6</v>
      </c>
      <c r="X23" s="351">
        <v>-6</v>
      </c>
      <c r="Y23" s="351">
        <v>104.5</v>
      </c>
      <c r="Z23" s="351">
        <v>5.2</v>
      </c>
      <c r="AA23" s="351">
        <v>120.5</v>
      </c>
      <c r="AB23" s="351">
        <v>7.2</v>
      </c>
      <c r="AC23" s="351">
        <v>78.2</v>
      </c>
      <c r="AD23" s="351">
        <v>7.7</v>
      </c>
      <c r="AE23" s="351">
        <v>97.4</v>
      </c>
      <c r="AF23" s="351">
        <v>-7.1</v>
      </c>
      <c r="AG23" s="351">
        <v>102.4</v>
      </c>
      <c r="AH23" s="351">
        <v>4.5999999999999996</v>
      </c>
      <c r="AI23" s="351">
        <v>93.7</v>
      </c>
      <c r="AJ23" s="351">
        <v>-3.7</v>
      </c>
      <c r="AK23" s="129"/>
    </row>
    <row r="24" spans="1:37" s="326" customFormat="1" ht="15" customHeight="1" x14ac:dyDescent="0.15">
      <c r="A24" s="547"/>
      <c r="B24" s="595"/>
      <c r="C24" s="347" t="s">
        <v>0</v>
      </c>
      <c r="D24" s="348" t="s">
        <v>243</v>
      </c>
      <c r="E24" s="349">
        <v>97.8</v>
      </c>
      <c r="F24" s="350">
        <v>-1.1000000000000001</v>
      </c>
      <c r="G24" s="349">
        <v>99.4</v>
      </c>
      <c r="H24" s="349">
        <v>-5.5</v>
      </c>
      <c r="I24" s="349">
        <v>101.2</v>
      </c>
      <c r="J24" s="349">
        <v>0.5</v>
      </c>
      <c r="K24" s="349">
        <v>105.5</v>
      </c>
      <c r="L24" s="349">
        <v>4.2</v>
      </c>
      <c r="M24" s="349">
        <v>99</v>
      </c>
      <c r="N24" s="349">
        <v>1.7</v>
      </c>
      <c r="O24" s="349">
        <v>95.4</v>
      </c>
      <c r="P24" s="349">
        <v>-1.9</v>
      </c>
      <c r="Q24" s="349">
        <v>92.6</v>
      </c>
      <c r="R24" s="349">
        <v>-3.8</v>
      </c>
      <c r="S24" s="349">
        <v>97.6</v>
      </c>
      <c r="T24" s="349">
        <v>6.1</v>
      </c>
      <c r="U24" s="349">
        <v>98.1</v>
      </c>
      <c r="V24" s="349">
        <v>-5.6</v>
      </c>
      <c r="W24" s="349">
        <v>95.9</v>
      </c>
      <c r="X24" s="349">
        <v>-1.4</v>
      </c>
      <c r="Y24" s="349">
        <v>101.5</v>
      </c>
      <c r="Z24" s="349">
        <v>5.0999999999999996</v>
      </c>
      <c r="AA24" s="349">
        <v>118.9</v>
      </c>
      <c r="AB24" s="349">
        <v>8</v>
      </c>
      <c r="AC24" s="349">
        <v>106</v>
      </c>
      <c r="AD24" s="349">
        <v>12.4</v>
      </c>
      <c r="AE24" s="349">
        <v>96.7</v>
      </c>
      <c r="AF24" s="349">
        <v>-5.5</v>
      </c>
      <c r="AG24" s="349">
        <v>101</v>
      </c>
      <c r="AH24" s="349">
        <v>9.8000000000000007</v>
      </c>
      <c r="AI24" s="349">
        <v>99</v>
      </c>
      <c r="AJ24" s="349">
        <v>-1.9</v>
      </c>
      <c r="AK24" s="129"/>
    </row>
    <row r="25" spans="1:37" s="326" customFormat="1" ht="15" customHeight="1" x14ac:dyDescent="0.15">
      <c r="A25" s="547"/>
      <c r="B25" s="595"/>
      <c r="C25" s="347" t="s">
        <v>0</v>
      </c>
      <c r="D25" s="348" t="s">
        <v>244</v>
      </c>
      <c r="E25" s="351">
        <v>103.4</v>
      </c>
      <c r="F25" s="352">
        <v>1.6</v>
      </c>
      <c r="G25" s="351">
        <v>110.5</v>
      </c>
      <c r="H25" s="351">
        <v>3.2</v>
      </c>
      <c r="I25" s="351">
        <v>108.4</v>
      </c>
      <c r="J25" s="351">
        <v>3.9</v>
      </c>
      <c r="K25" s="351">
        <v>110.3</v>
      </c>
      <c r="L25" s="351">
        <v>1</v>
      </c>
      <c r="M25" s="351">
        <v>107.1</v>
      </c>
      <c r="N25" s="351">
        <v>4.9000000000000004</v>
      </c>
      <c r="O25" s="351">
        <v>99.4</v>
      </c>
      <c r="P25" s="351">
        <v>-0.9</v>
      </c>
      <c r="Q25" s="351">
        <v>95.8</v>
      </c>
      <c r="R25" s="351">
        <v>-1</v>
      </c>
      <c r="S25" s="351">
        <v>104.9</v>
      </c>
      <c r="T25" s="351">
        <v>1.5</v>
      </c>
      <c r="U25" s="351">
        <v>101.9</v>
      </c>
      <c r="V25" s="351">
        <v>-3.3</v>
      </c>
      <c r="W25" s="351">
        <v>106.3</v>
      </c>
      <c r="X25" s="351">
        <v>-0.3</v>
      </c>
      <c r="Y25" s="351">
        <v>101.8</v>
      </c>
      <c r="Z25" s="351">
        <v>3.2</v>
      </c>
      <c r="AA25" s="351">
        <v>118.2</v>
      </c>
      <c r="AB25" s="351">
        <v>6</v>
      </c>
      <c r="AC25" s="351">
        <v>117.9</v>
      </c>
      <c r="AD25" s="351">
        <v>14.5</v>
      </c>
      <c r="AE25" s="351">
        <v>101.8</v>
      </c>
      <c r="AF25" s="351">
        <v>0.2</v>
      </c>
      <c r="AG25" s="351">
        <v>108.7</v>
      </c>
      <c r="AH25" s="351">
        <v>8.3000000000000007</v>
      </c>
      <c r="AI25" s="351">
        <v>103.7</v>
      </c>
      <c r="AJ25" s="351">
        <v>-1.9</v>
      </c>
      <c r="AK25" s="129"/>
    </row>
    <row r="26" spans="1:37" s="326" customFormat="1" ht="14.25" customHeight="1" x14ac:dyDescent="0.15">
      <c r="A26" s="547"/>
      <c r="B26" s="59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29"/>
    </row>
    <row r="27" spans="1:37" s="326" customFormat="1" ht="14.25" customHeight="1" x14ac:dyDescent="0.15">
      <c r="A27" s="547"/>
      <c r="B27" s="595"/>
      <c r="C27" s="347" t="s">
        <v>234</v>
      </c>
      <c r="D27" s="348" t="s">
        <v>232</v>
      </c>
      <c r="E27" s="349">
        <v>96.8</v>
      </c>
      <c r="F27" s="350">
        <v>-4.9000000000000004</v>
      </c>
      <c r="G27" s="349">
        <v>100.8</v>
      </c>
      <c r="H27" s="349">
        <v>-6.9</v>
      </c>
      <c r="I27" s="349">
        <v>102.1</v>
      </c>
      <c r="J27" s="349">
        <v>-4</v>
      </c>
      <c r="K27" s="349">
        <v>97.7</v>
      </c>
      <c r="L27" s="349">
        <v>-7.1</v>
      </c>
      <c r="M27" s="349">
        <v>103.1</v>
      </c>
      <c r="N27" s="349">
        <v>-1.8</v>
      </c>
      <c r="O27" s="349">
        <v>93.9</v>
      </c>
      <c r="P27" s="349">
        <v>-6.2</v>
      </c>
      <c r="Q27" s="349">
        <v>91.4</v>
      </c>
      <c r="R27" s="349">
        <v>-6</v>
      </c>
      <c r="S27" s="349">
        <v>88.7</v>
      </c>
      <c r="T27" s="349">
        <v>-8.6999999999999993</v>
      </c>
      <c r="U27" s="349">
        <v>100.5</v>
      </c>
      <c r="V27" s="349">
        <v>-5.7</v>
      </c>
      <c r="W27" s="349">
        <v>97.1</v>
      </c>
      <c r="X27" s="349">
        <v>-6.1</v>
      </c>
      <c r="Y27" s="349">
        <v>101</v>
      </c>
      <c r="Z27" s="349">
        <v>4.3</v>
      </c>
      <c r="AA27" s="349">
        <v>115.8</v>
      </c>
      <c r="AB27" s="349">
        <v>5</v>
      </c>
      <c r="AC27" s="349">
        <v>98.3</v>
      </c>
      <c r="AD27" s="349">
        <v>-1.8</v>
      </c>
      <c r="AE27" s="349">
        <v>96.5</v>
      </c>
      <c r="AF27" s="349">
        <v>-6.8</v>
      </c>
      <c r="AG27" s="349">
        <v>91.9</v>
      </c>
      <c r="AH27" s="349">
        <v>-9.5</v>
      </c>
      <c r="AI27" s="349">
        <v>97</v>
      </c>
      <c r="AJ27" s="349">
        <v>-6</v>
      </c>
      <c r="AK27" s="129"/>
    </row>
    <row r="28" spans="1:37" s="326" customFormat="1" ht="11.25" customHeight="1" x14ac:dyDescent="0.15">
      <c r="A28" s="547"/>
      <c r="B28" s="551"/>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29"/>
    </row>
    <row r="29" spans="1:37" s="326" customFormat="1" ht="11.25" customHeight="1" x14ac:dyDescent="0.15">
      <c r="A29" s="547"/>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29"/>
    </row>
    <row r="30" spans="1:37" s="326" customFormat="1" ht="14.25" customHeight="1" x14ac:dyDescent="0.15">
      <c r="A30" s="547"/>
      <c r="B30" s="365"/>
      <c r="C30" s="347" t="s">
        <v>227</v>
      </c>
      <c r="D30" s="348" t="s">
        <v>228</v>
      </c>
      <c r="E30" s="349">
        <v>100.7</v>
      </c>
      <c r="F30" s="350">
        <v>0.7</v>
      </c>
      <c r="G30" s="349">
        <v>107.8</v>
      </c>
      <c r="H30" s="349">
        <v>7.7</v>
      </c>
      <c r="I30" s="349">
        <v>101.3</v>
      </c>
      <c r="J30" s="349">
        <v>1.2</v>
      </c>
      <c r="K30" s="349">
        <v>102</v>
      </c>
      <c r="L30" s="349">
        <v>2</v>
      </c>
      <c r="M30" s="349">
        <v>102.6</v>
      </c>
      <c r="N30" s="349">
        <v>2.5</v>
      </c>
      <c r="O30" s="349">
        <v>98.4</v>
      </c>
      <c r="P30" s="349">
        <v>-1.6</v>
      </c>
      <c r="Q30" s="349">
        <v>98.5</v>
      </c>
      <c r="R30" s="349">
        <v>-1.6</v>
      </c>
      <c r="S30" s="349">
        <v>101.6</v>
      </c>
      <c r="T30" s="349">
        <v>1.6</v>
      </c>
      <c r="U30" s="349">
        <v>106.8</v>
      </c>
      <c r="V30" s="349">
        <v>6.7</v>
      </c>
      <c r="W30" s="349">
        <v>101.5</v>
      </c>
      <c r="X30" s="349">
        <v>1.4</v>
      </c>
      <c r="Y30" s="349">
        <v>104.2</v>
      </c>
      <c r="Z30" s="349">
        <v>4.2</v>
      </c>
      <c r="AA30" s="349">
        <v>102.5</v>
      </c>
      <c r="AB30" s="349">
        <v>2.5</v>
      </c>
      <c r="AC30" s="349">
        <v>107.9</v>
      </c>
      <c r="AD30" s="349">
        <v>7.8</v>
      </c>
      <c r="AE30" s="349">
        <v>98.1</v>
      </c>
      <c r="AF30" s="349">
        <v>-1.9</v>
      </c>
      <c r="AG30" s="349">
        <v>98.7</v>
      </c>
      <c r="AH30" s="349">
        <v>-1.4</v>
      </c>
      <c r="AI30" s="349">
        <v>99.6</v>
      </c>
      <c r="AJ30" s="349">
        <v>-0.4</v>
      </c>
      <c r="AK30" s="129"/>
    </row>
    <row r="31" spans="1:37" s="326" customFormat="1" ht="14.25" customHeight="1" x14ac:dyDescent="0.15">
      <c r="A31" s="547"/>
      <c r="B31" s="365"/>
      <c r="C31" s="347" t="s">
        <v>227</v>
      </c>
      <c r="D31" s="348" t="s">
        <v>229</v>
      </c>
      <c r="E31" s="351">
        <v>101.1</v>
      </c>
      <c r="F31" s="352">
        <v>0.4</v>
      </c>
      <c r="G31" s="351">
        <v>105.8</v>
      </c>
      <c r="H31" s="351">
        <v>-1.9</v>
      </c>
      <c r="I31" s="351">
        <v>101.6</v>
      </c>
      <c r="J31" s="351">
        <v>0.3</v>
      </c>
      <c r="K31" s="351">
        <v>103.6</v>
      </c>
      <c r="L31" s="351">
        <v>1.6</v>
      </c>
      <c r="M31" s="351">
        <v>102.5</v>
      </c>
      <c r="N31" s="351">
        <v>-0.1</v>
      </c>
      <c r="O31" s="351">
        <v>101.1</v>
      </c>
      <c r="P31" s="351">
        <v>2.7</v>
      </c>
      <c r="Q31" s="351">
        <v>100.4</v>
      </c>
      <c r="R31" s="351">
        <v>1.9</v>
      </c>
      <c r="S31" s="351">
        <v>99.4</v>
      </c>
      <c r="T31" s="351">
        <v>-2.2000000000000002</v>
      </c>
      <c r="U31" s="351">
        <v>105</v>
      </c>
      <c r="V31" s="351">
        <v>-1.7</v>
      </c>
      <c r="W31" s="351">
        <v>101.4</v>
      </c>
      <c r="X31" s="351">
        <v>-0.1</v>
      </c>
      <c r="Y31" s="351">
        <v>117.4</v>
      </c>
      <c r="Z31" s="351">
        <v>12.7</v>
      </c>
      <c r="AA31" s="351">
        <v>106.2</v>
      </c>
      <c r="AB31" s="351">
        <v>3.6</v>
      </c>
      <c r="AC31" s="351">
        <v>92.7</v>
      </c>
      <c r="AD31" s="351">
        <v>-14.1</v>
      </c>
      <c r="AE31" s="351">
        <v>104.6</v>
      </c>
      <c r="AF31" s="351">
        <v>6.6</v>
      </c>
      <c r="AG31" s="351">
        <v>98.4</v>
      </c>
      <c r="AH31" s="351">
        <v>-0.3</v>
      </c>
      <c r="AI31" s="351">
        <v>95.5</v>
      </c>
      <c r="AJ31" s="351">
        <v>-4.0999999999999996</v>
      </c>
      <c r="AK31" s="129"/>
    </row>
    <row r="32" spans="1:37" s="326" customFormat="1" ht="14.25" customHeight="1" x14ac:dyDescent="0.15">
      <c r="A32" s="547"/>
      <c r="B32" s="365"/>
      <c r="C32" s="347" t="s">
        <v>227</v>
      </c>
      <c r="D32" s="348" t="s">
        <v>230</v>
      </c>
      <c r="E32" s="349">
        <v>100.9</v>
      </c>
      <c r="F32" s="350">
        <v>-0.2</v>
      </c>
      <c r="G32" s="349">
        <v>109.4</v>
      </c>
      <c r="H32" s="349">
        <v>3.4</v>
      </c>
      <c r="I32" s="349">
        <v>102.5</v>
      </c>
      <c r="J32" s="349">
        <v>0.9</v>
      </c>
      <c r="K32" s="349">
        <v>102.2</v>
      </c>
      <c r="L32" s="349">
        <v>-1.4</v>
      </c>
      <c r="M32" s="349">
        <v>103.8</v>
      </c>
      <c r="N32" s="349">
        <v>1.3</v>
      </c>
      <c r="O32" s="349">
        <v>100.2</v>
      </c>
      <c r="P32" s="349">
        <v>-0.9</v>
      </c>
      <c r="Q32" s="349">
        <v>102.8</v>
      </c>
      <c r="R32" s="349">
        <v>2.4</v>
      </c>
      <c r="S32" s="349">
        <v>97.7</v>
      </c>
      <c r="T32" s="349">
        <v>-1.7</v>
      </c>
      <c r="U32" s="349">
        <v>102.5</v>
      </c>
      <c r="V32" s="349">
        <v>-2.4</v>
      </c>
      <c r="W32" s="349">
        <v>102.2</v>
      </c>
      <c r="X32" s="349">
        <v>0.8</v>
      </c>
      <c r="Y32" s="349">
        <v>118.3</v>
      </c>
      <c r="Z32" s="349">
        <v>0.8</v>
      </c>
      <c r="AA32" s="349">
        <v>106.1</v>
      </c>
      <c r="AB32" s="349">
        <v>-0.1</v>
      </c>
      <c r="AC32" s="349">
        <v>87.2</v>
      </c>
      <c r="AD32" s="349">
        <v>-5.9</v>
      </c>
      <c r="AE32" s="349">
        <v>102</v>
      </c>
      <c r="AF32" s="349">
        <v>-2.5</v>
      </c>
      <c r="AG32" s="349">
        <v>99.4</v>
      </c>
      <c r="AH32" s="349">
        <v>1</v>
      </c>
      <c r="AI32" s="349">
        <v>95.6</v>
      </c>
      <c r="AJ32" s="349">
        <v>0.1</v>
      </c>
      <c r="AK32" s="129"/>
    </row>
    <row r="33" spans="1:37" s="326" customFormat="1" ht="14.25" customHeight="1" x14ac:dyDescent="0.15">
      <c r="A33" s="547"/>
      <c r="B33" s="365"/>
      <c r="C33" s="347" t="s">
        <v>227</v>
      </c>
      <c r="D33" s="348" t="s">
        <v>231</v>
      </c>
      <c r="E33" s="351">
        <v>101.4</v>
      </c>
      <c r="F33" s="352">
        <v>-0.4</v>
      </c>
      <c r="G33" s="351">
        <v>110.9</v>
      </c>
      <c r="H33" s="351">
        <v>1.4</v>
      </c>
      <c r="I33" s="351">
        <v>101.2</v>
      </c>
      <c r="J33" s="351">
        <v>-1.4</v>
      </c>
      <c r="K33" s="351">
        <v>103</v>
      </c>
      <c r="L33" s="351">
        <v>0.6</v>
      </c>
      <c r="M33" s="351">
        <v>102.3</v>
      </c>
      <c r="N33" s="351">
        <v>-1.4</v>
      </c>
      <c r="O33" s="351">
        <v>99</v>
      </c>
      <c r="P33" s="351">
        <v>-1.4</v>
      </c>
      <c r="Q33" s="351">
        <v>98.7</v>
      </c>
      <c r="R33" s="351">
        <v>-4.0999999999999996</v>
      </c>
      <c r="S33" s="351">
        <v>96.3</v>
      </c>
      <c r="T33" s="351">
        <v>-1.5</v>
      </c>
      <c r="U33" s="351">
        <v>102.7</v>
      </c>
      <c r="V33" s="351">
        <v>-0.1</v>
      </c>
      <c r="W33" s="351">
        <v>101.3</v>
      </c>
      <c r="X33" s="351">
        <v>-1</v>
      </c>
      <c r="Y33" s="351">
        <v>109.1</v>
      </c>
      <c r="Z33" s="351">
        <v>-7.6</v>
      </c>
      <c r="AA33" s="351">
        <v>109</v>
      </c>
      <c r="AB33" s="351">
        <v>3.1</v>
      </c>
      <c r="AC33" s="351">
        <v>91.3</v>
      </c>
      <c r="AD33" s="351">
        <v>3.9</v>
      </c>
      <c r="AE33" s="351">
        <v>104</v>
      </c>
      <c r="AF33" s="351">
        <v>1.8</v>
      </c>
      <c r="AG33" s="361">
        <v>97.2</v>
      </c>
      <c r="AH33" s="361">
        <v>-2</v>
      </c>
      <c r="AI33" s="351">
        <v>100.6</v>
      </c>
      <c r="AJ33" s="351">
        <v>4.5</v>
      </c>
      <c r="AK33" s="129"/>
    </row>
    <row r="34" spans="1:37" s="326" customFormat="1" ht="14.25" customHeight="1" x14ac:dyDescent="0.15">
      <c r="A34" s="547"/>
      <c r="B34" s="365"/>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29"/>
    </row>
    <row r="35" spans="1:37" s="326" customFormat="1" ht="15" customHeight="1" x14ac:dyDescent="0.15">
      <c r="A35" s="547"/>
      <c r="B35" s="596" t="s">
        <v>48</v>
      </c>
      <c r="C35" s="347" t="s">
        <v>208</v>
      </c>
      <c r="D35" s="348" t="s">
        <v>232</v>
      </c>
      <c r="E35" s="349">
        <v>103.5</v>
      </c>
      <c r="F35" s="350">
        <v>0.4</v>
      </c>
      <c r="G35" s="349">
        <v>117.3</v>
      </c>
      <c r="H35" s="349">
        <v>1.2</v>
      </c>
      <c r="I35" s="349">
        <v>105.8</v>
      </c>
      <c r="J35" s="349">
        <v>-0.8</v>
      </c>
      <c r="K35" s="349">
        <v>104.2</v>
      </c>
      <c r="L35" s="349">
        <v>3.8</v>
      </c>
      <c r="M35" s="349">
        <v>105.6</v>
      </c>
      <c r="N35" s="349">
        <v>-0.5</v>
      </c>
      <c r="O35" s="349">
        <v>99.8</v>
      </c>
      <c r="P35" s="349">
        <v>-3.5</v>
      </c>
      <c r="Q35" s="349">
        <v>99</v>
      </c>
      <c r="R35" s="349">
        <v>-4.4000000000000004</v>
      </c>
      <c r="S35" s="349">
        <v>93.8</v>
      </c>
      <c r="T35" s="349">
        <v>-6</v>
      </c>
      <c r="U35" s="349">
        <v>101.4</v>
      </c>
      <c r="V35" s="349">
        <v>0</v>
      </c>
      <c r="W35" s="349">
        <v>104.4</v>
      </c>
      <c r="X35" s="349">
        <v>-0.9</v>
      </c>
      <c r="Y35" s="349">
        <v>103.5</v>
      </c>
      <c r="Z35" s="349">
        <v>1.8</v>
      </c>
      <c r="AA35" s="349">
        <v>115.6</v>
      </c>
      <c r="AB35" s="349">
        <v>7.3</v>
      </c>
      <c r="AC35" s="349">
        <v>95.6</v>
      </c>
      <c r="AD35" s="349">
        <v>5.5</v>
      </c>
      <c r="AE35" s="349">
        <v>104.3</v>
      </c>
      <c r="AF35" s="349">
        <v>1.6</v>
      </c>
      <c r="AG35" s="360" t="s">
        <v>19</v>
      </c>
      <c r="AH35" s="360" t="s">
        <v>19</v>
      </c>
      <c r="AI35" s="349">
        <v>103.6</v>
      </c>
      <c r="AJ35" s="349">
        <v>6.9</v>
      </c>
      <c r="AK35" s="129"/>
    </row>
    <row r="36" spans="1:37" s="326" customFormat="1" ht="15" customHeight="1" x14ac:dyDescent="0.15">
      <c r="A36" s="547"/>
      <c r="B36" s="596"/>
      <c r="C36" s="347" t="s">
        <v>0</v>
      </c>
      <c r="D36" s="348" t="s">
        <v>233</v>
      </c>
      <c r="E36" s="351">
        <v>101</v>
      </c>
      <c r="F36" s="352">
        <v>-0.2</v>
      </c>
      <c r="G36" s="351">
        <v>111.3</v>
      </c>
      <c r="H36" s="351">
        <v>0.5</v>
      </c>
      <c r="I36" s="351">
        <v>102.6</v>
      </c>
      <c r="J36" s="351">
        <v>-0.2</v>
      </c>
      <c r="K36" s="351">
        <v>100.5</v>
      </c>
      <c r="L36" s="351">
        <v>0.4</v>
      </c>
      <c r="M36" s="351">
        <v>103.4</v>
      </c>
      <c r="N36" s="351">
        <v>0.5</v>
      </c>
      <c r="O36" s="351">
        <v>98.5</v>
      </c>
      <c r="P36" s="351">
        <v>-3.7</v>
      </c>
      <c r="Q36" s="351">
        <v>98.8</v>
      </c>
      <c r="R36" s="351">
        <v>-4.8</v>
      </c>
      <c r="S36" s="351">
        <v>96.4</v>
      </c>
      <c r="T36" s="351">
        <v>-4.5999999999999996</v>
      </c>
      <c r="U36" s="351">
        <v>99.4</v>
      </c>
      <c r="V36" s="351">
        <v>0.2</v>
      </c>
      <c r="W36" s="351">
        <v>97.8</v>
      </c>
      <c r="X36" s="351">
        <v>-2.7</v>
      </c>
      <c r="Y36" s="351">
        <v>106.8</v>
      </c>
      <c r="Z36" s="351">
        <v>-13.6</v>
      </c>
      <c r="AA36" s="351">
        <v>111.1</v>
      </c>
      <c r="AB36" s="351">
        <v>6.2</v>
      </c>
      <c r="AC36" s="351">
        <v>85.2</v>
      </c>
      <c r="AD36" s="351">
        <v>4.9000000000000004</v>
      </c>
      <c r="AE36" s="351">
        <v>104.7</v>
      </c>
      <c r="AF36" s="351">
        <v>3.4</v>
      </c>
      <c r="AG36" s="361" t="s">
        <v>19</v>
      </c>
      <c r="AH36" s="361" t="s">
        <v>19</v>
      </c>
      <c r="AI36" s="351">
        <v>101</v>
      </c>
      <c r="AJ36" s="351">
        <v>5.6</v>
      </c>
      <c r="AK36" s="129"/>
    </row>
    <row r="37" spans="1:37" s="326" customFormat="1" ht="15" customHeight="1" x14ac:dyDescent="0.15">
      <c r="A37" s="547"/>
      <c r="B37" s="596"/>
      <c r="C37" s="347" t="s">
        <v>234</v>
      </c>
      <c r="D37" s="348" t="s">
        <v>235</v>
      </c>
      <c r="E37" s="349">
        <v>96.5</v>
      </c>
      <c r="F37" s="350">
        <v>0.8</v>
      </c>
      <c r="G37" s="349">
        <v>106.1</v>
      </c>
      <c r="H37" s="349">
        <v>3</v>
      </c>
      <c r="I37" s="349">
        <v>95.7</v>
      </c>
      <c r="J37" s="349">
        <v>4.4000000000000004</v>
      </c>
      <c r="K37" s="349">
        <v>100.1</v>
      </c>
      <c r="L37" s="349">
        <v>5.5</v>
      </c>
      <c r="M37" s="349">
        <v>102.6</v>
      </c>
      <c r="N37" s="349">
        <v>4.7</v>
      </c>
      <c r="O37" s="349">
        <v>93</v>
      </c>
      <c r="P37" s="349">
        <v>-3.2</v>
      </c>
      <c r="Q37" s="349">
        <v>93.3</v>
      </c>
      <c r="R37" s="349">
        <v>-4.3</v>
      </c>
      <c r="S37" s="349">
        <v>90.9</v>
      </c>
      <c r="T37" s="349">
        <v>-0.1</v>
      </c>
      <c r="U37" s="349">
        <v>91.5</v>
      </c>
      <c r="V37" s="349">
        <v>-4</v>
      </c>
      <c r="W37" s="349">
        <v>94.8</v>
      </c>
      <c r="X37" s="349">
        <v>0.7</v>
      </c>
      <c r="Y37" s="349">
        <v>115.9</v>
      </c>
      <c r="Z37" s="349">
        <v>8.6</v>
      </c>
      <c r="AA37" s="349">
        <v>108.4</v>
      </c>
      <c r="AB37" s="349">
        <v>0.3</v>
      </c>
      <c r="AC37" s="349">
        <v>96.9</v>
      </c>
      <c r="AD37" s="349">
        <v>13.2</v>
      </c>
      <c r="AE37" s="349">
        <v>92.6</v>
      </c>
      <c r="AF37" s="349">
        <v>-7.5</v>
      </c>
      <c r="AG37" s="360">
        <v>95.5</v>
      </c>
      <c r="AH37" s="360">
        <v>-4.5999999999999996</v>
      </c>
      <c r="AI37" s="349">
        <v>96.6</v>
      </c>
      <c r="AJ37" s="349">
        <v>6.2</v>
      </c>
      <c r="AK37" s="129"/>
    </row>
    <row r="38" spans="1:37" s="326" customFormat="1" ht="15" customHeight="1" x14ac:dyDescent="0.15">
      <c r="A38" s="547"/>
      <c r="B38" s="596"/>
      <c r="C38" s="347" t="s">
        <v>0</v>
      </c>
      <c r="D38" s="348" t="s">
        <v>236</v>
      </c>
      <c r="E38" s="351">
        <v>95</v>
      </c>
      <c r="F38" s="352">
        <v>-3.7</v>
      </c>
      <c r="G38" s="351">
        <v>104.1</v>
      </c>
      <c r="H38" s="351">
        <v>-0.1</v>
      </c>
      <c r="I38" s="351">
        <v>98.1</v>
      </c>
      <c r="J38" s="351">
        <v>-3.1</v>
      </c>
      <c r="K38" s="351">
        <v>97.6</v>
      </c>
      <c r="L38" s="351">
        <v>1.5</v>
      </c>
      <c r="M38" s="351">
        <v>93.9</v>
      </c>
      <c r="N38" s="351">
        <v>-3.6</v>
      </c>
      <c r="O38" s="351">
        <v>92.5</v>
      </c>
      <c r="P38" s="351">
        <v>-2.2000000000000002</v>
      </c>
      <c r="Q38" s="351">
        <v>91.3</v>
      </c>
      <c r="R38" s="351">
        <v>-5.3</v>
      </c>
      <c r="S38" s="351">
        <v>84.2</v>
      </c>
      <c r="T38" s="351">
        <v>-7</v>
      </c>
      <c r="U38" s="351">
        <v>88.6</v>
      </c>
      <c r="V38" s="351">
        <v>-13.2</v>
      </c>
      <c r="W38" s="351">
        <v>94.9</v>
      </c>
      <c r="X38" s="351">
        <v>-4</v>
      </c>
      <c r="Y38" s="351">
        <v>110.1</v>
      </c>
      <c r="Z38" s="351">
        <v>-5.2</v>
      </c>
      <c r="AA38" s="351">
        <v>99.9</v>
      </c>
      <c r="AB38" s="351">
        <v>4</v>
      </c>
      <c r="AC38" s="351">
        <v>92.8</v>
      </c>
      <c r="AD38" s="351">
        <v>3.7</v>
      </c>
      <c r="AE38" s="351">
        <v>89.7</v>
      </c>
      <c r="AF38" s="351">
        <v>-8</v>
      </c>
      <c r="AG38" s="361">
        <v>85.4</v>
      </c>
      <c r="AH38" s="361">
        <v>-4.8</v>
      </c>
      <c r="AI38" s="351">
        <v>97.3</v>
      </c>
      <c r="AJ38" s="351">
        <v>-3.7</v>
      </c>
      <c r="AK38" s="129"/>
    </row>
    <row r="39" spans="1:37" s="326" customFormat="1" ht="15" customHeight="1" x14ac:dyDescent="0.15">
      <c r="A39" s="547"/>
      <c r="B39" s="596"/>
      <c r="C39" s="347" t="s">
        <v>0</v>
      </c>
      <c r="D39" s="348" t="s">
        <v>237</v>
      </c>
      <c r="E39" s="349">
        <v>98</v>
      </c>
      <c r="F39" s="350">
        <v>-2.1</v>
      </c>
      <c r="G39" s="349">
        <v>105.2</v>
      </c>
      <c r="H39" s="349">
        <v>-2.5</v>
      </c>
      <c r="I39" s="349">
        <v>99.2</v>
      </c>
      <c r="J39" s="349">
        <v>-2</v>
      </c>
      <c r="K39" s="349">
        <v>100.1</v>
      </c>
      <c r="L39" s="349">
        <v>0.1</v>
      </c>
      <c r="M39" s="349">
        <v>102.5</v>
      </c>
      <c r="N39" s="349">
        <v>1.9</v>
      </c>
      <c r="O39" s="349">
        <v>95.2</v>
      </c>
      <c r="P39" s="349">
        <v>-4.2</v>
      </c>
      <c r="Q39" s="349">
        <v>92.8</v>
      </c>
      <c r="R39" s="349">
        <v>-5.2</v>
      </c>
      <c r="S39" s="349">
        <v>97.8</v>
      </c>
      <c r="T39" s="349">
        <v>4.8</v>
      </c>
      <c r="U39" s="349">
        <v>91.5</v>
      </c>
      <c r="V39" s="349">
        <v>-14.1</v>
      </c>
      <c r="W39" s="349">
        <v>98.4</v>
      </c>
      <c r="X39" s="349">
        <v>-2.5</v>
      </c>
      <c r="Y39" s="349">
        <v>112.6</v>
      </c>
      <c r="Z39" s="349">
        <v>4</v>
      </c>
      <c r="AA39" s="349">
        <v>102.5</v>
      </c>
      <c r="AB39" s="349">
        <v>4.9000000000000004</v>
      </c>
      <c r="AC39" s="349">
        <v>96.9</v>
      </c>
      <c r="AD39" s="349">
        <v>8</v>
      </c>
      <c r="AE39" s="349">
        <v>93.4</v>
      </c>
      <c r="AF39" s="349">
        <v>-6.8</v>
      </c>
      <c r="AG39" s="360">
        <v>97.2</v>
      </c>
      <c r="AH39" s="360">
        <v>0</v>
      </c>
      <c r="AI39" s="349">
        <v>99.3</v>
      </c>
      <c r="AJ39" s="349">
        <v>-0.7</v>
      </c>
      <c r="AK39" s="129"/>
    </row>
    <row r="40" spans="1:37" s="326" customFormat="1" ht="15" customHeight="1" x14ac:dyDescent="0.15">
      <c r="A40" s="547"/>
      <c r="B40" s="23">
        <v>30</v>
      </c>
      <c r="C40" s="347" t="s">
        <v>0</v>
      </c>
      <c r="D40" s="348" t="s">
        <v>238</v>
      </c>
      <c r="E40" s="351">
        <v>102.8</v>
      </c>
      <c r="F40" s="352">
        <v>-1.8</v>
      </c>
      <c r="G40" s="351">
        <v>109.6</v>
      </c>
      <c r="H40" s="351">
        <v>-1.8</v>
      </c>
      <c r="I40" s="351">
        <v>103.2</v>
      </c>
      <c r="J40" s="351">
        <v>-0.3</v>
      </c>
      <c r="K40" s="351">
        <v>112</v>
      </c>
      <c r="L40" s="351">
        <v>5.5</v>
      </c>
      <c r="M40" s="351">
        <v>104</v>
      </c>
      <c r="N40" s="351">
        <v>2</v>
      </c>
      <c r="O40" s="351">
        <v>99.4</v>
      </c>
      <c r="P40" s="351">
        <v>-1.6</v>
      </c>
      <c r="Q40" s="351">
        <v>96.7</v>
      </c>
      <c r="R40" s="351">
        <v>-5.4</v>
      </c>
      <c r="S40" s="351">
        <v>102.3</v>
      </c>
      <c r="T40" s="351">
        <v>0.2</v>
      </c>
      <c r="U40" s="351">
        <v>98.3</v>
      </c>
      <c r="V40" s="351">
        <v>-10.3</v>
      </c>
      <c r="W40" s="351">
        <v>101.6</v>
      </c>
      <c r="X40" s="351">
        <v>-1.2</v>
      </c>
      <c r="Y40" s="351">
        <v>116</v>
      </c>
      <c r="Z40" s="351">
        <v>-7.3</v>
      </c>
      <c r="AA40" s="351">
        <v>119.4</v>
      </c>
      <c r="AB40" s="351">
        <v>6</v>
      </c>
      <c r="AC40" s="351">
        <v>109.4</v>
      </c>
      <c r="AD40" s="351">
        <v>6.8</v>
      </c>
      <c r="AE40" s="351">
        <v>97.6</v>
      </c>
      <c r="AF40" s="351">
        <v>-7.3</v>
      </c>
      <c r="AG40" s="361">
        <v>99.7</v>
      </c>
      <c r="AH40" s="361">
        <v>-1</v>
      </c>
      <c r="AI40" s="351">
        <v>103.2</v>
      </c>
      <c r="AJ40" s="351">
        <v>0.6</v>
      </c>
      <c r="AK40" s="129"/>
    </row>
    <row r="41" spans="1:37" s="326" customFormat="1" ht="15" customHeight="1" x14ac:dyDescent="0.15">
      <c r="A41" s="547"/>
      <c r="B41" s="597" t="s">
        <v>209</v>
      </c>
      <c r="C41" s="347" t="s">
        <v>0</v>
      </c>
      <c r="D41" s="348" t="s">
        <v>239</v>
      </c>
      <c r="E41" s="349">
        <v>100.3</v>
      </c>
      <c r="F41" s="350">
        <v>-2.4</v>
      </c>
      <c r="G41" s="349">
        <v>109.2</v>
      </c>
      <c r="H41" s="349">
        <v>-2.2000000000000002</v>
      </c>
      <c r="I41" s="349">
        <v>97.6</v>
      </c>
      <c r="J41" s="349">
        <v>-1</v>
      </c>
      <c r="K41" s="349">
        <v>106.2</v>
      </c>
      <c r="L41" s="349">
        <v>-1.2</v>
      </c>
      <c r="M41" s="349">
        <v>103.7</v>
      </c>
      <c r="N41" s="349">
        <v>-1.3</v>
      </c>
      <c r="O41" s="349">
        <v>96.7</v>
      </c>
      <c r="P41" s="349">
        <v>-3.1</v>
      </c>
      <c r="Q41" s="349">
        <v>96.6</v>
      </c>
      <c r="R41" s="349">
        <v>-3.3</v>
      </c>
      <c r="S41" s="349">
        <v>102.6</v>
      </c>
      <c r="T41" s="349">
        <v>0.9</v>
      </c>
      <c r="U41" s="349">
        <v>91.9</v>
      </c>
      <c r="V41" s="349">
        <v>-9.3000000000000007</v>
      </c>
      <c r="W41" s="349">
        <v>99.5</v>
      </c>
      <c r="X41" s="349">
        <v>-2.8</v>
      </c>
      <c r="Y41" s="349">
        <v>117.7</v>
      </c>
      <c r="Z41" s="349">
        <v>6.4</v>
      </c>
      <c r="AA41" s="349">
        <v>118.2</v>
      </c>
      <c r="AB41" s="349">
        <v>3.6</v>
      </c>
      <c r="AC41" s="349">
        <v>104.2</v>
      </c>
      <c r="AD41" s="349">
        <v>6.4</v>
      </c>
      <c r="AE41" s="349">
        <v>97.3</v>
      </c>
      <c r="AF41" s="349">
        <v>-9.9</v>
      </c>
      <c r="AG41" s="360">
        <v>96.5</v>
      </c>
      <c r="AH41" s="360">
        <v>-1.2</v>
      </c>
      <c r="AI41" s="349">
        <v>99.2</v>
      </c>
      <c r="AJ41" s="349">
        <v>0.2</v>
      </c>
      <c r="AK41" s="129"/>
    </row>
    <row r="42" spans="1:37" s="326" customFormat="1" ht="15" customHeight="1" x14ac:dyDescent="0.15">
      <c r="A42" s="547"/>
      <c r="B42" s="597"/>
      <c r="C42" s="347" t="s">
        <v>0</v>
      </c>
      <c r="D42" s="348" t="s">
        <v>240</v>
      </c>
      <c r="E42" s="351">
        <v>103.4</v>
      </c>
      <c r="F42" s="352">
        <v>0</v>
      </c>
      <c r="G42" s="351">
        <v>112.4</v>
      </c>
      <c r="H42" s="351">
        <v>-0.5</v>
      </c>
      <c r="I42" s="351">
        <v>104.2</v>
      </c>
      <c r="J42" s="351">
        <v>1.1000000000000001</v>
      </c>
      <c r="K42" s="351">
        <v>108.4</v>
      </c>
      <c r="L42" s="351">
        <v>5</v>
      </c>
      <c r="M42" s="351">
        <v>102.1</v>
      </c>
      <c r="N42" s="351">
        <v>-0.7</v>
      </c>
      <c r="O42" s="351">
        <v>100.1</v>
      </c>
      <c r="P42" s="351">
        <v>-0.3</v>
      </c>
      <c r="Q42" s="351">
        <v>97.6</v>
      </c>
      <c r="R42" s="351">
        <v>-2.1</v>
      </c>
      <c r="S42" s="351">
        <v>103.9</v>
      </c>
      <c r="T42" s="351">
        <v>6</v>
      </c>
      <c r="U42" s="351">
        <v>97.7</v>
      </c>
      <c r="V42" s="351">
        <v>-6.9</v>
      </c>
      <c r="W42" s="351">
        <v>104.4</v>
      </c>
      <c r="X42" s="351">
        <v>2.6</v>
      </c>
      <c r="Y42" s="351">
        <v>117.3</v>
      </c>
      <c r="Z42" s="351">
        <v>7.2</v>
      </c>
      <c r="AA42" s="351">
        <v>124.1</v>
      </c>
      <c r="AB42" s="351">
        <v>10.7</v>
      </c>
      <c r="AC42" s="351">
        <v>103.6</v>
      </c>
      <c r="AD42" s="351">
        <v>10.3</v>
      </c>
      <c r="AE42" s="351">
        <v>97.9</v>
      </c>
      <c r="AF42" s="351">
        <v>-8.6999999999999993</v>
      </c>
      <c r="AG42" s="361">
        <v>100.9</v>
      </c>
      <c r="AH42" s="361">
        <v>10.199999999999999</v>
      </c>
      <c r="AI42" s="351">
        <v>104.6</v>
      </c>
      <c r="AJ42" s="351">
        <v>1.1000000000000001</v>
      </c>
      <c r="AK42" s="129"/>
    </row>
    <row r="43" spans="1:37" s="326" customFormat="1" ht="15" customHeight="1" x14ac:dyDescent="0.15">
      <c r="A43" s="547"/>
      <c r="B43" s="597"/>
      <c r="C43" s="347" t="s">
        <v>0</v>
      </c>
      <c r="D43" s="348" t="s">
        <v>241</v>
      </c>
      <c r="E43" s="349">
        <v>106.6</v>
      </c>
      <c r="F43" s="350">
        <v>0.6</v>
      </c>
      <c r="G43" s="349">
        <v>118.4</v>
      </c>
      <c r="H43" s="349">
        <v>1.6</v>
      </c>
      <c r="I43" s="349">
        <v>109.4</v>
      </c>
      <c r="J43" s="349">
        <v>2.6</v>
      </c>
      <c r="K43" s="349">
        <v>113.5</v>
      </c>
      <c r="L43" s="349">
        <v>5.0999999999999996</v>
      </c>
      <c r="M43" s="349">
        <v>113.4</v>
      </c>
      <c r="N43" s="349">
        <v>5.7</v>
      </c>
      <c r="O43" s="349">
        <v>100.1</v>
      </c>
      <c r="P43" s="349">
        <v>0.1</v>
      </c>
      <c r="Q43" s="349">
        <v>100.8</v>
      </c>
      <c r="R43" s="349">
        <v>0.1</v>
      </c>
      <c r="S43" s="349">
        <v>106.1</v>
      </c>
      <c r="T43" s="349">
        <v>1.7</v>
      </c>
      <c r="U43" s="349">
        <v>105.6</v>
      </c>
      <c r="V43" s="349">
        <v>1.3</v>
      </c>
      <c r="W43" s="349">
        <v>109.9</v>
      </c>
      <c r="X43" s="349">
        <v>-0.2</v>
      </c>
      <c r="Y43" s="349">
        <v>116.1</v>
      </c>
      <c r="Z43" s="349">
        <v>7.6</v>
      </c>
      <c r="AA43" s="349">
        <v>115.5</v>
      </c>
      <c r="AB43" s="349">
        <v>5.4</v>
      </c>
      <c r="AC43" s="349">
        <v>100.8</v>
      </c>
      <c r="AD43" s="349">
        <v>6</v>
      </c>
      <c r="AE43" s="349">
        <v>100.8</v>
      </c>
      <c r="AF43" s="349">
        <v>-8.8000000000000007</v>
      </c>
      <c r="AG43" s="360">
        <v>103.5</v>
      </c>
      <c r="AH43" s="360">
        <v>-0.3</v>
      </c>
      <c r="AI43" s="349">
        <v>108.9</v>
      </c>
      <c r="AJ43" s="349">
        <v>3.2</v>
      </c>
      <c r="AK43" s="129"/>
    </row>
    <row r="44" spans="1:37" s="326" customFormat="1" ht="15" customHeight="1" x14ac:dyDescent="0.15">
      <c r="A44" s="547"/>
      <c r="B44" s="365"/>
      <c r="C44" s="347" t="s">
        <v>0</v>
      </c>
      <c r="D44" s="348" t="s">
        <v>242</v>
      </c>
      <c r="E44" s="351">
        <v>95.6</v>
      </c>
      <c r="F44" s="352">
        <v>-2.9</v>
      </c>
      <c r="G44" s="351">
        <v>107.6</v>
      </c>
      <c r="H44" s="351">
        <v>-4.9000000000000004</v>
      </c>
      <c r="I44" s="351">
        <v>93</v>
      </c>
      <c r="J44" s="351">
        <v>-2.9</v>
      </c>
      <c r="K44" s="351">
        <v>101.7</v>
      </c>
      <c r="L44" s="351">
        <v>-2.9</v>
      </c>
      <c r="M44" s="351">
        <v>103.8</v>
      </c>
      <c r="N44" s="351">
        <v>-1.2</v>
      </c>
      <c r="O44" s="351">
        <v>96.6</v>
      </c>
      <c r="P44" s="351">
        <v>-2.8</v>
      </c>
      <c r="Q44" s="351">
        <v>95.5</v>
      </c>
      <c r="R44" s="351">
        <v>-2.8</v>
      </c>
      <c r="S44" s="351">
        <v>94.5</v>
      </c>
      <c r="T44" s="351">
        <v>0.1</v>
      </c>
      <c r="U44" s="351">
        <v>94.9</v>
      </c>
      <c r="V44" s="351">
        <v>-6.2</v>
      </c>
      <c r="W44" s="351">
        <v>90.7</v>
      </c>
      <c r="X44" s="351">
        <v>-4.5999999999999996</v>
      </c>
      <c r="Y44" s="351">
        <v>117.5</v>
      </c>
      <c r="Z44" s="351">
        <v>10.8</v>
      </c>
      <c r="AA44" s="351">
        <v>115.5</v>
      </c>
      <c r="AB44" s="351">
        <v>2.7</v>
      </c>
      <c r="AC44" s="351">
        <v>69</v>
      </c>
      <c r="AD44" s="351">
        <v>2.8</v>
      </c>
      <c r="AE44" s="351">
        <v>97.7</v>
      </c>
      <c r="AF44" s="351">
        <v>-8.9</v>
      </c>
      <c r="AG44" s="361">
        <v>100.9</v>
      </c>
      <c r="AH44" s="361">
        <v>8.8000000000000007</v>
      </c>
      <c r="AI44" s="351">
        <v>96.7</v>
      </c>
      <c r="AJ44" s="351">
        <v>-0.5</v>
      </c>
      <c r="AK44" s="129"/>
    </row>
    <row r="45" spans="1:37" s="326" customFormat="1" ht="15" customHeight="1" x14ac:dyDescent="0.15">
      <c r="A45" s="547"/>
      <c r="B45" s="365"/>
      <c r="C45" s="347" t="s">
        <v>0</v>
      </c>
      <c r="D45" s="348" t="s">
        <v>243</v>
      </c>
      <c r="E45" s="349">
        <v>99.8</v>
      </c>
      <c r="F45" s="350">
        <v>0</v>
      </c>
      <c r="G45" s="349">
        <v>99.3</v>
      </c>
      <c r="H45" s="349">
        <v>-8.1999999999999993</v>
      </c>
      <c r="I45" s="349">
        <v>99.9</v>
      </c>
      <c r="J45" s="349">
        <v>0.1</v>
      </c>
      <c r="K45" s="349">
        <v>105.1</v>
      </c>
      <c r="L45" s="349">
        <v>4.5999999999999996</v>
      </c>
      <c r="M45" s="349">
        <v>98.7</v>
      </c>
      <c r="N45" s="349">
        <v>1</v>
      </c>
      <c r="O45" s="349">
        <v>97.4</v>
      </c>
      <c r="P45" s="349">
        <v>-0.1</v>
      </c>
      <c r="Q45" s="349">
        <v>96.1</v>
      </c>
      <c r="R45" s="349">
        <v>-0.3</v>
      </c>
      <c r="S45" s="349">
        <v>97.3</v>
      </c>
      <c r="T45" s="349">
        <v>8.1999999999999993</v>
      </c>
      <c r="U45" s="349">
        <v>92.8</v>
      </c>
      <c r="V45" s="349">
        <v>-10</v>
      </c>
      <c r="W45" s="349">
        <v>97.8</v>
      </c>
      <c r="X45" s="349">
        <v>0.4</v>
      </c>
      <c r="Y45" s="349">
        <v>117.3</v>
      </c>
      <c r="Z45" s="349">
        <v>14.3</v>
      </c>
      <c r="AA45" s="349">
        <v>113.5</v>
      </c>
      <c r="AB45" s="349">
        <v>6.4</v>
      </c>
      <c r="AC45" s="349">
        <v>100.5</v>
      </c>
      <c r="AD45" s="349">
        <v>7.9</v>
      </c>
      <c r="AE45" s="349">
        <v>95.9</v>
      </c>
      <c r="AF45" s="349">
        <v>-7.4</v>
      </c>
      <c r="AG45" s="360">
        <v>95</v>
      </c>
      <c r="AH45" s="360">
        <v>-3.7</v>
      </c>
      <c r="AI45" s="349">
        <v>102.8</v>
      </c>
      <c r="AJ45" s="349">
        <v>3.9</v>
      </c>
      <c r="AK45" s="129"/>
    </row>
    <row r="46" spans="1:37" s="326" customFormat="1" ht="15" customHeight="1" x14ac:dyDescent="0.15">
      <c r="A46" s="547"/>
      <c r="B46" s="365"/>
      <c r="C46" s="347" t="s">
        <v>0</v>
      </c>
      <c r="D46" s="348" t="s">
        <v>244</v>
      </c>
      <c r="E46" s="351">
        <v>106.5</v>
      </c>
      <c r="F46" s="352">
        <v>3.3</v>
      </c>
      <c r="G46" s="351">
        <v>113.4</v>
      </c>
      <c r="H46" s="351">
        <v>0.8</v>
      </c>
      <c r="I46" s="351">
        <v>107.9</v>
      </c>
      <c r="J46" s="351">
        <v>3.8</v>
      </c>
      <c r="K46" s="351">
        <v>109.8</v>
      </c>
      <c r="L46" s="351">
        <v>-0.5</v>
      </c>
      <c r="M46" s="351">
        <v>107.7</v>
      </c>
      <c r="N46" s="351">
        <v>4.5</v>
      </c>
      <c r="O46" s="351">
        <v>101.8</v>
      </c>
      <c r="P46" s="351">
        <v>0.6</v>
      </c>
      <c r="Q46" s="351">
        <v>101.5</v>
      </c>
      <c r="R46" s="351">
        <v>3.7</v>
      </c>
      <c r="S46" s="351">
        <v>106.6</v>
      </c>
      <c r="T46" s="351">
        <v>7</v>
      </c>
      <c r="U46" s="351">
        <v>93.8</v>
      </c>
      <c r="V46" s="351">
        <v>-8.9</v>
      </c>
      <c r="W46" s="351">
        <v>109.2</v>
      </c>
      <c r="X46" s="351">
        <v>-0.5</v>
      </c>
      <c r="Y46" s="351">
        <v>114.6</v>
      </c>
      <c r="Z46" s="351">
        <v>8.6</v>
      </c>
      <c r="AA46" s="351">
        <v>114.5</v>
      </c>
      <c r="AB46" s="351">
        <v>2.2999999999999998</v>
      </c>
      <c r="AC46" s="351">
        <v>110.1</v>
      </c>
      <c r="AD46" s="351">
        <v>9.8000000000000007</v>
      </c>
      <c r="AE46" s="351">
        <v>102.7</v>
      </c>
      <c r="AF46" s="351">
        <v>2.8</v>
      </c>
      <c r="AG46" s="361">
        <v>101.8</v>
      </c>
      <c r="AH46" s="361">
        <v>8</v>
      </c>
      <c r="AI46" s="351">
        <v>106.4</v>
      </c>
      <c r="AJ46" s="351">
        <v>2.9</v>
      </c>
      <c r="AK46" s="129"/>
    </row>
    <row r="47" spans="1:37" s="326" customFormat="1" ht="14.25" customHeight="1" x14ac:dyDescent="0.15">
      <c r="A47" s="547"/>
      <c r="B47" s="365"/>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29"/>
    </row>
    <row r="48" spans="1:37" s="326" customFormat="1" ht="14.25" customHeight="1" x14ac:dyDescent="0.15">
      <c r="A48" s="547"/>
      <c r="B48" s="365"/>
      <c r="C48" s="347" t="s">
        <v>234</v>
      </c>
      <c r="D48" s="348" t="s">
        <v>232</v>
      </c>
      <c r="E48" s="349">
        <v>98.9</v>
      </c>
      <c r="F48" s="350">
        <v>-4.4000000000000004</v>
      </c>
      <c r="G48" s="349">
        <v>112.1</v>
      </c>
      <c r="H48" s="349">
        <v>-4.4000000000000004</v>
      </c>
      <c r="I48" s="349">
        <v>100.9</v>
      </c>
      <c r="J48" s="349">
        <v>-4.5999999999999996</v>
      </c>
      <c r="K48" s="349">
        <v>97.2</v>
      </c>
      <c r="L48" s="349">
        <v>-6.7</v>
      </c>
      <c r="M48" s="349">
        <v>103.4</v>
      </c>
      <c r="N48" s="349">
        <v>-2.1</v>
      </c>
      <c r="O48" s="349">
        <v>95.9</v>
      </c>
      <c r="P48" s="349">
        <v>-3.9</v>
      </c>
      <c r="Q48" s="349">
        <v>97</v>
      </c>
      <c r="R48" s="349">
        <v>-2</v>
      </c>
      <c r="S48" s="349">
        <v>86.2</v>
      </c>
      <c r="T48" s="349">
        <v>-8.1</v>
      </c>
      <c r="U48" s="349">
        <v>94.4</v>
      </c>
      <c r="V48" s="349">
        <v>-6.9</v>
      </c>
      <c r="W48" s="349">
        <v>98.5</v>
      </c>
      <c r="X48" s="349">
        <v>-5.7</v>
      </c>
      <c r="Y48" s="349">
        <v>115.9</v>
      </c>
      <c r="Z48" s="349">
        <v>12</v>
      </c>
      <c r="AA48" s="349">
        <v>113</v>
      </c>
      <c r="AB48" s="349">
        <v>-2.2000000000000002</v>
      </c>
      <c r="AC48" s="349">
        <v>86.2</v>
      </c>
      <c r="AD48" s="349">
        <v>-9.8000000000000007</v>
      </c>
      <c r="AE48" s="349">
        <v>96.3</v>
      </c>
      <c r="AF48" s="349">
        <v>-7.7</v>
      </c>
      <c r="AG48" s="349">
        <v>88.7</v>
      </c>
      <c r="AH48" s="360">
        <v>-6</v>
      </c>
      <c r="AI48" s="349">
        <v>99.2</v>
      </c>
      <c r="AJ48" s="349">
        <v>-4.2</v>
      </c>
      <c r="AK48" s="129"/>
    </row>
    <row r="49" spans="1:36" ht="11.25" customHeight="1" thickBot="1" x14ac:dyDescent="0.2">
      <c r="A49" s="547"/>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7"/>
      <c r="C50" s="598" t="s">
        <v>210</v>
      </c>
      <c r="D50" s="599"/>
      <c r="E50" s="599"/>
      <c r="F50" s="599"/>
      <c r="G50" s="599"/>
      <c r="H50" s="599"/>
      <c r="I50" s="599"/>
      <c r="J50" s="599"/>
      <c r="K50" s="599"/>
      <c r="L50" s="599"/>
      <c r="M50" s="600"/>
      <c r="N50" s="600"/>
      <c r="O50" s="600"/>
      <c r="P50" s="600"/>
      <c r="Q50" s="600"/>
      <c r="R50" s="600"/>
      <c r="S50" s="600"/>
      <c r="T50" s="600"/>
      <c r="U50" s="600"/>
      <c r="V50" s="600"/>
      <c r="W50" s="600"/>
      <c r="X50" s="600"/>
      <c r="Y50" s="600"/>
      <c r="Z50" s="600"/>
      <c r="AA50" s="600"/>
      <c r="AB50" s="600"/>
      <c r="AC50" s="600"/>
      <c r="AD50" s="600"/>
      <c r="AE50" s="600"/>
      <c r="AF50" s="600"/>
      <c r="AJ50" s="129"/>
    </row>
  </sheetData>
  <protectedRanges>
    <protectedRange sqref="AI26:AJ26 AI47:AJ47" name="範囲1_1_3"/>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916DFB2-CB8D-40AF-BE4B-0862099993F4}">
  <sheetPr codeName="Sheet22">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9" customWidth="1"/>
    <col min="3" max="3" width="6.625" style="38" customWidth="1"/>
    <col min="4" max="4" width="3.875" style="38" customWidth="1"/>
    <col min="5" max="32" width="4.875" style="38" customWidth="1"/>
    <col min="33" max="34" width="5.125" style="38" bestFit="1" customWidth="1"/>
    <col min="35" max="36" width="4.875" style="38" customWidth="1"/>
    <col min="37" max="37" width="9" style="38"/>
  </cols>
  <sheetData>
    <row r="1" spans="1:37" ht="18.75" customHeight="1" x14ac:dyDescent="0.15">
      <c r="A1" s="547" t="s">
        <v>223</v>
      </c>
      <c r="B1" s="10" t="s">
        <v>224</v>
      </c>
      <c r="C1"/>
      <c r="D1" s="452"/>
      <c r="E1" s="452"/>
      <c r="F1" s="452"/>
      <c r="G1" s="452"/>
      <c r="H1" s="452"/>
      <c r="I1" s="452"/>
      <c r="J1" s="452"/>
      <c r="K1" s="452"/>
      <c r="L1" s="452"/>
      <c r="M1" s="323"/>
      <c r="N1" s="323"/>
      <c r="O1" s="323"/>
      <c r="P1" s="323"/>
      <c r="Q1" s="323"/>
      <c r="R1" s="323"/>
      <c r="S1" s="323"/>
      <c r="T1" s="323"/>
      <c r="U1" s="323"/>
      <c r="V1" s="323"/>
      <c r="W1" s="323"/>
      <c r="X1" s="323"/>
      <c r="Y1" s="323"/>
      <c r="Z1" s="323"/>
      <c r="AA1" s="323"/>
      <c r="AB1" s="323"/>
      <c r="AC1" s="323"/>
      <c r="AD1" s="323"/>
      <c r="AE1" s="323"/>
      <c r="AF1" s="549" t="s">
        <v>213</v>
      </c>
      <c r="AG1" s="549"/>
      <c r="AH1" s="549"/>
      <c r="AI1" s="549"/>
      <c r="AJ1" s="549"/>
    </row>
    <row r="2" spans="1:37" s="326" customFormat="1" ht="3.75" customHeight="1" thickBot="1" x14ac:dyDescent="0.2">
      <c r="A2" s="547"/>
      <c r="B2" s="128"/>
      <c r="C2" s="130"/>
      <c r="D2" s="130"/>
      <c r="E2" s="130"/>
      <c r="F2" s="130"/>
      <c r="G2" s="316"/>
      <c r="H2" s="586"/>
      <c r="I2" s="586"/>
      <c r="J2" s="586"/>
      <c r="K2" s="586"/>
      <c r="L2" s="586"/>
      <c r="M2" s="130"/>
      <c r="N2" s="130"/>
      <c r="O2" s="130"/>
      <c r="P2" s="586"/>
      <c r="Q2" s="586"/>
      <c r="R2" s="586"/>
      <c r="S2" s="586"/>
      <c r="T2" s="586"/>
      <c r="U2" s="130"/>
      <c r="V2" s="130"/>
      <c r="W2" s="130"/>
      <c r="X2" s="130"/>
      <c r="Y2" s="130"/>
      <c r="Z2" s="129"/>
      <c r="AA2" s="129"/>
      <c r="AB2" s="129"/>
      <c r="AC2" s="129"/>
      <c r="AD2" s="129"/>
      <c r="AE2" s="129"/>
      <c r="AF2" s="325"/>
      <c r="AG2" s="325"/>
      <c r="AH2" s="325"/>
      <c r="AI2" s="325"/>
      <c r="AJ2" s="325"/>
      <c r="AK2" s="129"/>
    </row>
    <row r="3" spans="1:37" s="326" customFormat="1" ht="6" customHeight="1" x14ac:dyDescent="0.15">
      <c r="A3" s="547"/>
      <c r="B3" s="327"/>
      <c r="C3" s="601"/>
      <c r="D3" s="602"/>
      <c r="E3" s="328"/>
      <c r="F3" s="330"/>
      <c r="G3" s="453"/>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29"/>
    </row>
    <row r="4" spans="1:37" s="326" customFormat="1" ht="12" customHeight="1" x14ac:dyDescent="0.15">
      <c r="A4" s="547"/>
      <c r="B4" s="128"/>
      <c r="C4" s="603"/>
      <c r="D4" s="604"/>
      <c r="E4" s="588" t="s">
        <v>90</v>
      </c>
      <c r="F4" s="607"/>
      <c r="G4" s="608" t="s">
        <v>1</v>
      </c>
      <c r="H4" s="589"/>
      <c r="I4" s="588" t="s">
        <v>2</v>
      </c>
      <c r="J4" s="589"/>
      <c r="K4" s="588" t="s">
        <v>183</v>
      </c>
      <c r="L4" s="589"/>
      <c r="M4" s="588" t="s">
        <v>184</v>
      </c>
      <c r="N4" s="590"/>
      <c r="O4" s="588" t="s">
        <v>185</v>
      </c>
      <c r="P4" s="590"/>
      <c r="Q4" s="588" t="s">
        <v>186</v>
      </c>
      <c r="R4" s="590"/>
      <c r="S4" s="588" t="s">
        <v>187</v>
      </c>
      <c r="T4" s="590"/>
      <c r="U4" s="588" t="s">
        <v>188</v>
      </c>
      <c r="V4" s="590"/>
      <c r="W4" s="591" t="s">
        <v>189</v>
      </c>
      <c r="X4" s="592"/>
      <c r="Y4" s="588" t="s">
        <v>190</v>
      </c>
      <c r="Z4" s="593"/>
      <c r="AA4" s="591" t="s">
        <v>191</v>
      </c>
      <c r="AB4" s="592"/>
      <c r="AC4" s="588" t="s">
        <v>192</v>
      </c>
      <c r="AD4" s="593"/>
      <c r="AE4" s="588" t="s">
        <v>193</v>
      </c>
      <c r="AF4" s="593"/>
      <c r="AG4" s="588" t="s">
        <v>194</v>
      </c>
      <c r="AH4" s="593"/>
      <c r="AI4" s="588" t="s">
        <v>195</v>
      </c>
      <c r="AJ4" s="609"/>
      <c r="AK4" s="129"/>
    </row>
    <row r="5" spans="1:37" s="326" customFormat="1" ht="12" customHeight="1" x14ac:dyDescent="0.15">
      <c r="A5" s="547"/>
      <c r="B5" s="128"/>
      <c r="C5" s="603"/>
      <c r="D5" s="604"/>
      <c r="E5" s="332"/>
      <c r="F5" s="333"/>
      <c r="G5" s="334"/>
      <c r="H5" s="335"/>
      <c r="I5" s="332"/>
      <c r="J5" s="335"/>
      <c r="K5" s="591" t="s">
        <v>196</v>
      </c>
      <c r="L5" s="592"/>
      <c r="M5" s="610"/>
      <c r="N5" s="590"/>
      <c r="O5" s="611" t="s">
        <v>197</v>
      </c>
      <c r="P5" s="590"/>
      <c r="Q5" s="588" t="s">
        <v>198</v>
      </c>
      <c r="R5" s="590"/>
      <c r="S5" s="588" t="s">
        <v>199</v>
      </c>
      <c r="T5" s="590"/>
      <c r="U5" s="588" t="s">
        <v>200</v>
      </c>
      <c r="V5" s="590"/>
      <c r="W5" s="591" t="s">
        <v>201</v>
      </c>
      <c r="X5" s="592"/>
      <c r="Y5" s="591" t="s">
        <v>202</v>
      </c>
      <c r="Z5" s="592"/>
      <c r="AA5" s="588" t="s">
        <v>203</v>
      </c>
      <c r="AB5" s="590"/>
      <c r="AC5" s="588" t="s">
        <v>204</v>
      </c>
      <c r="AD5" s="593"/>
      <c r="AE5" s="588"/>
      <c r="AF5" s="590"/>
      <c r="AG5" s="588" t="s">
        <v>205</v>
      </c>
      <c r="AH5" s="590"/>
      <c r="AI5" s="588"/>
      <c r="AJ5" s="614"/>
      <c r="AK5" s="129"/>
    </row>
    <row r="6" spans="1:37" s="337" customFormat="1" ht="15" customHeight="1" x14ac:dyDescent="0.15">
      <c r="A6" s="547"/>
      <c r="B6" s="336"/>
      <c r="C6" s="603"/>
      <c r="D6" s="604"/>
      <c r="E6" s="612" t="s">
        <v>206</v>
      </c>
      <c r="F6" s="615"/>
      <c r="G6" s="616" t="s">
        <v>206</v>
      </c>
      <c r="H6" s="613"/>
      <c r="I6" s="612" t="s">
        <v>206</v>
      </c>
      <c r="J6" s="613"/>
      <c r="K6" s="612" t="s">
        <v>206</v>
      </c>
      <c r="L6" s="613"/>
      <c r="M6" s="612" t="s">
        <v>206</v>
      </c>
      <c r="N6" s="613"/>
      <c r="O6" s="612" t="s">
        <v>206</v>
      </c>
      <c r="P6" s="613"/>
      <c r="Q6" s="612" t="s">
        <v>206</v>
      </c>
      <c r="R6" s="613"/>
      <c r="S6" s="612" t="s">
        <v>206</v>
      </c>
      <c r="T6" s="613"/>
      <c r="U6" s="612" t="s">
        <v>206</v>
      </c>
      <c r="V6" s="613"/>
      <c r="W6" s="612" t="s">
        <v>206</v>
      </c>
      <c r="X6" s="613"/>
      <c r="Y6" s="612" t="s">
        <v>206</v>
      </c>
      <c r="Z6" s="613"/>
      <c r="AA6" s="612" t="s">
        <v>206</v>
      </c>
      <c r="AB6" s="613"/>
      <c r="AC6" s="612" t="s">
        <v>206</v>
      </c>
      <c r="AD6" s="613"/>
      <c r="AE6" s="612" t="s">
        <v>206</v>
      </c>
      <c r="AF6" s="613"/>
      <c r="AG6" s="612" t="s">
        <v>206</v>
      </c>
      <c r="AH6" s="613"/>
      <c r="AI6" s="612" t="s">
        <v>206</v>
      </c>
      <c r="AJ6" s="616"/>
      <c r="AK6" s="130"/>
    </row>
    <row r="7" spans="1:37" s="326" customFormat="1" ht="7.5" customHeight="1" x14ac:dyDescent="0.15">
      <c r="A7" s="547"/>
      <c r="B7" s="338"/>
      <c r="C7" s="605"/>
      <c r="D7" s="606"/>
      <c r="E7" s="339"/>
      <c r="F7" s="340" t="s">
        <v>165</v>
      </c>
      <c r="G7" s="341"/>
      <c r="H7" s="342" t="s">
        <v>165</v>
      </c>
      <c r="I7" s="339"/>
      <c r="J7" s="342" t="s">
        <v>165</v>
      </c>
      <c r="K7" s="339"/>
      <c r="L7" s="342" t="s">
        <v>165</v>
      </c>
      <c r="M7" s="339"/>
      <c r="N7" s="342" t="s">
        <v>165</v>
      </c>
      <c r="O7" s="339"/>
      <c r="P7" s="342" t="s">
        <v>165</v>
      </c>
      <c r="Q7" s="339"/>
      <c r="R7" s="342" t="s">
        <v>165</v>
      </c>
      <c r="S7" s="339"/>
      <c r="T7" s="342" t="s">
        <v>165</v>
      </c>
      <c r="U7" s="339"/>
      <c r="V7" s="342" t="s">
        <v>165</v>
      </c>
      <c r="W7" s="339"/>
      <c r="X7" s="342" t="s">
        <v>165</v>
      </c>
      <c r="Y7" s="339"/>
      <c r="Z7" s="342" t="s">
        <v>165</v>
      </c>
      <c r="AA7" s="339"/>
      <c r="AB7" s="342" t="s">
        <v>165</v>
      </c>
      <c r="AC7" s="339"/>
      <c r="AD7" s="342" t="s">
        <v>165</v>
      </c>
      <c r="AE7" s="339"/>
      <c r="AF7" s="342" t="s">
        <v>165</v>
      </c>
      <c r="AG7" s="339"/>
      <c r="AH7" s="342" t="s">
        <v>165</v>
      </c>
      <c r="AI7" s="339"/>
      <c r="AJ7" s="262" t="s">
        <v>165</v>
      </c>
      <c r="AK7" s="129"/>
    </row>
    <row r="8" spans="1:37" s="326" customFormat="1" ht="11.25" customHeight="1" x14ac:dyDescent="0.15">
      <c r="A8" s="547"/>
      <c r="B8" s="594" t="s">
        <v>207</v>
      </c>
      <c r="C8" s="343"/>
      <c r="D8" s="344"/>
      <c r="E8" s="454"/>
      <c r="F8" s="455"/>
      <c r="G8" s="454"/>
      <c r="H8" s="454"/>
      <c r="I8" s="454"/>
      <c r="J8" s="454"/>
      <c r="K8" s="454"/>
      <c r="L8" s="454"/>
      <c r="M8" s="454"/>
      <c r="N8" s="454"/>
      <c r="O8" s="454"/>
      <c r="P8" s="454"/>
      <c r="Q8" s="454"/>
      <c r="R8" s="454"/>
      <c r="S8" s="454"/>
      <c r="T8" s="454"/>
      <c r="U8" s="454"/>
      <c r="V8" s="454"/>
      <c r="W8" s="454"/>
      <c r="X8" s="454"/>
      <c r="Y8" s="454"/>
      <c r="Z8" s="454"/>
      <c r="AA8" s="454"/>
      <c r="AB8" s="454"/>
      <c r="AC8" s="454"/>
      <c r="AD8" s="454"/>
      <c r="AE8" s="454"/>
      <c r="AF8" s="454"/>
      <c r="AG8" s="454"/>
      <c r="AH8" s="454"/>
      <c r="AI8" s="454"/>
      <c r="AJ8" s="454"/>
      <c r="AK8" s="129"/>
    </row>
    <row r="9" spans="1:37" s="326" customFormat="1" ht="14.25" customHeight="1" x14ac:dyDescent="0.15">
      <c r="A9" s="547"/>
      <c r="B9" s="595"/>
      <c r="C9" s="347" t="s">
        <v>227</v>
      </c>
      <c r="D9" s="348" t="s">
        <v>228</v>
      </c>
      <c r="E9" s="349">
        <v>104.1</v>
      </c>
      <c r="F9" s="350">
        <v>4.0999999999999996</v>
      </c>
      <c r="G9" s="349">
        <v>118.8</v>
      </c>
      <c r="H9" s="349">
        <v>18.8</v>
      </c>
      <c r="I9" s="349">
        <v>107.3</v>
      </c>
      <c r="J9" s="349">
        <v>7.2</v>
      </c>
      <c r="K9" s="349">
        <v>72.8</v>
      </c>
      <c r="L9" s="349">
        <v>-27.3</v>
      </c>
      <c r="M9" s="349">
        <v>107.5</v>
      </c>
      <c r="N9" s="349">
        <v>7.6</v>
      </c>
      <c r="O9" s="349">
        <v>95.7</v>
      </c>
      <c r="P9" s="349">
        <v>-4.2</v>
      </c>
      <c r="Q9" s="349">
        <v>101.1</v>
      </c>
      <c r="R9" s="349">
        <v>1.1000000000000001</v>
      </c>
      <c r="S9" s="349">
        <v>96</v>
      </c>
      <c r="T9" s="349">
        <v>-4</v>
      </c>
      <c r="U9" s="349">
        <v>159</v>
      </c>
      <c r="V9" s="349">
        <v>59</v>
      </c>
      <c r="W9" s="349">
        <v>98.2</v>
      </c>
      <c r="X9" s="349">
        <v>-1.8</v>
      </c>
      <c r="Y9" s="349">
        <v>75.8</v>
      </c>
      <c r="Z9" s="349">
        <v>-24.1</v>
      </c>
      <c r="AA9" s="349">
        <v>101.9</v>
      </c>
      <c r="AB9" s="349">
        <v>1.9</v>
      </c>
      <c r="AC9" s="349">
        <v>121.1</v>
      </c>
      <c r="AD9" s="349">
        <v>21.2</v>
      </c>
      <c r="AE9" s="349">
        <v>91</v>
      </c>
      <c r="AF9" s="349">
        <v>-9</v>
      </c>
      <c r="AG9" s="349">
        <v>82.5</v>
      </c>
      <c r="AH9" s="349">
        <v>-17.399999999999999</v>
      </c>
      <c r="AI9" s="349">
        <v>115.7</v>
      </c>
      <c r="AJ9" s="349">
        <v>15.7</v>
      </c>
      <c r="AK9" s="129"/>
    </row>
    <row r="10" spans="1:37" s="326" customFormat="1" ht="14.25" customHeight="1" x14ac:dyDescent="0.15">
      <c r="A10" s="547"/>
      <c r="B10" s="595"/>
      <c r="C10" s="347" t="s">
        <v>227</v>
      </c>
      <c r="D10" s="348" t="s">
        <v>229</v>
      </c>
      <c r="E10" s="351">
        <v>103.5</v>
      </c>
      <c r="F10" s="352">
        <v>-0.6</v>
      </c>
      <c r="G10" s="351">
        <v>120.6</v>
      </c>
      <c r="H10" s="351">
        <v>1.5</v>
      </c>
      <c r="I10" s="351">
        <v>121.5</v>
      </c>
      <c r="J10" s="351">
        <v>13.2</v>
      </c>
      <c r="K10" s="351">
        <v>88.5</v>
      </c>
      <c r="L10" s="351">
        <v>21.6</v>
      </c>
      <c r="M10" s="351">
        <v>124.6</v>
      </c>
      <c r="N10" s="351">
        <v>15.9</v>
      </c>
      <c r="O10" s="351">
        <v>79.599999999999994</v>
      </c>
      <c r="P10" s="351">
        <v>-16.8</v>
      </c>
      <c r="Q10" s="351">
        <v>118.1</v>
      </c>
      <c r="R10" s="351">
        <v>16.8</v>
      </c>
      <c r="S10" s="351">
        <v>96.4</v>
      </c>
      <c r="T10" s="351">
        <v>0.4</v>
      </c>
      <c r="U10" s="351">
        <v>131.6</v>
      </c>
      <c r="V10" s="351">
        <v>-17.2</v>
      </c>
      <c r="W10" s="351">
        <v>84</v>
      </c>
      <c r="X10" s="351">
        <v>-14.5</v>
      </c>
      <c r="Y10" s="351">
        <v>123.2</v>
      </c>
      <c r="Z10" s="351">
        <v>62.5</v>
      </c>
      <c r="AA10" s="351">
        <v>79</v>
      </c>
      <c r="AB10" s="351">
        <v>-22.5</v>
      </c>
      <c r="AC10" s="351">
        <v>86.4</v>
      </c>
      <c r="AD10" s="351">
        <v>-28.7</v>
      </c>
      <c r="AE10" s="351">
        <v>120.9</v>
      </c>
      <c r="AF10" s="351">
        <v>32.9</v>
      </c>
      <c r="AG10" s="351">
        <v>77.5</v>
      </c>
      <c r="AH10" s="351">
        <v>-6.1</v>
      </c>
      <c r="AI10" s="351">
        <v>91.6</v>
      </c>
      <c r="AJ10" s="351">
        <v>-20.8</v>
      </c>
      <c r="AK10" s="129"/>
    </row>
    <row r="11" spans="1:37" s="326" customFormat="1" ht="14.25" customHeight="1" x14ac:dyDescent="0.15">
      <c r="A11" s="547"/>
      <c r="B11" s="595"/>
      <c r="C11" s="347" t="s">
        <v>227</v>
      </c>
      <c r="D11" s="348" t="s">
        <v>230</v>
      </c>
      <c r="E11" s="349">
        <v>111.3</v>
      </c>
      <c r="F11" s="350">
        <v>7.5</v>
      </c>
      <c r="G11" s="349">
        <v>123.3</v>
      </c>
      <c r="H11" s="349">
        <v>2.2000000000000002</v>
      </c>
      <c r="I11" s="349">
        <v>119.7</v>
      </c>
      <c r="J11" s="349">
        <v>-1.5</v>
      </c>
      <c r="K11" s="349">
        <v>92.2</v>
      </c>
      <c r="L11" s="349">
        <v>4.2</v>
      </c>
      <c r="M11" s="349">
        <v>118.8</v>
      </c>
      <c r="N11" s="349">
        <v>-4.7</v>
      </c>
      <c r="O11" s="349">
        <v>108.3</v>
      </c>
      <c r="P11" s="349">
        <v>36.1</v>
      </c>
      <c r="Q11" s="349">
        <v>122.8</v>
      </c>
      <c r="R11" s="349">
        <v>4</v>
      </c>
      <c r="S11" s="349">
        <v>87.4</v>
      </c>
      <c r="T11" s="349">
        <v>-9.3000000000000007</v>
      </c>
      <c r="U11" s="349">
        <v>170</v>
      </c>
      <c r="V11" s="349">
        <v>29.2</v>
      </c>
      <c r="W11" s="349">
        <v>88.4</v>
      </c>
      <c r="X11" s="349">
        <v>5.2</v>
      </c>
      <c r="Y11" s="349">
        <v>133.1</v>
      </c>
      <c r="Z11" s="349">
        <v>8</v>
      </c>
      <c r="AA11" s="349">
        <v>103.7</v>
      </c>
      <c r="AB11" s="349">
        <v>31.3</v>
      </c>
      <c r="AC11" s="349">
        <v>122.6</v>
      </c>
      <c r="AD11" s="349">
        <v>41.9</v>
      </c>
      <c r="AE11" s="349">
        <v>137.1</v>
      </c>
      <c r="AF11" s="349">
        <v>13.4</v>
      </c>
      <c r="AG11" s="349">
        <v>81.099999999999994</v>
      </c>
      <c r="AH11" s="349">
        <v>4.5999999999999996</v>
      </c>
      <c r="AI11" s="349">
        <v>86.8</v>
      </c>
      <c r="AJ11" s="349">
        <v>-5.2</v>
      </c>
      <c r="AK11" s="129"/>
    </row>
    <row r="12" spans="1:37" s="326" customFormat="1" ht="14.25" customHeight="1" x14ac:dyDescent="0.15">
      <c r="A12" s="547"/>
      <c r="B12" s="595"/>
      <c r="C12" s="347" t="s">
        <v>227</v>
      </c>
      <c r="D12" s="348" t="s">
        <v>231</v>
      </c>
      <c r="E12" s="351">
        <v>111.4</v>
      </c>
      <c r="F12" s="352">
        <v>-1.9</v>
      </c>
      <c r="G12" s="351">
        <v>104.6</v>
      </c>
      <c r="H12" s="351">
        <v>-16.600000000000001</v>
      </c>
      <c r="I12" s="351">
        <v>107.5</v>
      </c>
      <c r="J12" s="351">
        <v>-11.3</v>
      </c>
      <c r="K12" s="351">
        <v>91.5</v>
      </c>
      <c r="L12" s="351">
        <v>-3.1</v>
      </c>
      <c r="M12" s="351">
        <v>111.6</v>
      </c>
      <c r="N12" s="351">
        <v>-6.8</v>
      </c>
      <c r="O12" s="351">
        <v>109.1</v>
      </c>
      <c r="P12" s="351">
        <v>0.2</v>
      </c>
      <c r="Q12" s="351">
        <v>104.5</v>
      </c>
      <c r="R12" s="351">
        <v>-14.2</v>
      </c>
      <c r="S12" s="351">
        <v>91.4</v>
      </c>
      <c r="T12" s="351">
        <v>3.4</v>
      </c>
      <c r="U12" s="351">
        <v>185.9</v>
      </c>
      <c r="V12" s="351">
        <v>9.6999999999999993</v>
      </c>
      <c r="W12" s="351">
        <v>86.3</v>
      </c>
      <c r="X12" s="351">
        <v>-4.2</v>
      </c>
      <c r="Y12" s="351">
        <v>133.6</v>
      </c>
      <c r="Z12" s="351">
        <v>2.1</v>
      </c>
      <c r="AA12" s="351">
        <v>141.19999999999999</v>
      </c>
      <c r="AB12" s="351">
        <v>34.5</v>
      </c>
      <c r="AC12" s="351">
        <v>146.1</v>
      </c>
      <c r="AD12" s="351">
        <v>6.7</v>
      </c>
      <c r="AE12" s="351">
        <v>157.30000000000001</v>
      </c>
      <c r="AF12" s="351">
        <v>16.399999999999999</v>
      </c>
      <c r="AG12" s="351">
        <v>76</v>
      </c>
      <c r="AH12" s="351">
        <v>-1.4</v>
      </c>
      <c r="AI12" s="351">
        <v>98.7</v>
      </c>
      <c r="AJ12" s="351">
        <v>14.8</v>
      </c>
      <c r="AK12" s="129"/>
    </row>
    <row r="13" spans="1:37" s="326" customFormat="1" ht="14.25" customHeight="1" x14ac:dyDescent="0.15">
      <c r="A13" s="547"/>
      <c r="B13" s="59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29"/>
    </row>
    <row r="14" spans="1:37" s="326" customFormat="1" ht="15" customHeight="1" x14ac:dyDescent="0.15">
      <c r="A14" s="547"/>
      <c r="B14" s="595"/>
      <c r="C14" s="347" t="s">
        <v>208</v>
      </c>
      <c r="D14" s="348" t="s">
        <v>232</v>
      </c>
      <c r="E14" s="349">
        <v>112.8</v>
      </c>
      <c r="F14" s="350">
        <v>-2.8</v>
      </c>
      <c r="G14" s="349">
        <v>108.6</v>
      </c>
      <c r="H14" s="349">
        <v>-11.7</v>
      </c>
      <c r="I14" s="349">
        <v>118.9</v>
      </c>
      <c r="J14" s="349">
        <v>0</v>
      </c>
      <c r="K14" s="349">
        <v>86.5</v>
      </c>
      <c r="L14" s="349">
        <v>-27.2</v>
      </c>
      <c r="M14" s="349">
        <v>111.7</v>
      </c>
      <c r="N14" s="349">
        <v>-7.5</v>
      </c>
      <c r="O14" s="349">
        <v>108.5</v>
      </c>
      <c r="P14" s="349">
        <v>-9.4</v>
      </c>
      <c r="Q14" s="349">
        <v>98.4</v>
      </c>
      <c r="R14" s="349">
        <v>-21.8</v>
      </c>
      <c r="S14" s="349">
        <v>90.7</v>
      </c>
      <c r="T14" s="349">
        <v>1</v>
      </c>
      <c r="U14" s="349">
        <v>176.5</v>
      </c>
      <c r="V14" s="349">
        <v>3.5</v>
      </c>
      <c r="W14" s="349">
        <v>88.5</v>
      </c>
      <c r="X14" s="349">
        <v>-6.7</v>
      </c>
      <c r="Y14" s="349">
        <v>125</v>
      </c>
      <c r="Z14" s="349">
        <v>4.7</v>
      </c>
      <c r="AA14" s="349">
        <v>151.69999999999999</v>
      </c>
      <c r="AB14" s="349">
        <v>51.7</v>
      </c>
      <c r="AC14" s="349">
        <v>176.6</v>
      </c>
      <c r="AD14" s="349">
        <v>22.5</v>
      </c>
      <c r="AE14" s="349">
        <v>142.6</v>
      </c>
      <c r="AF14" s="349">
        <v>-1.5</v>
      </c>
      <c r="AG14" s="349">
        <v>75.5</v>
      </c>
      <c r="AH14" s="349">
        <v>10.4</v>
      </c>
      <c r="AI14" s="349">
        <v>101</v>
      </c>
      <c r="AJ14" s="349">
        <v>13.6</v>
      </c>
      <c r="AK14" s="129"/>
    </row>
    <row r="15" spans="1:37" s="326" customFormat="1" ht="15" customHeight="1" x14ac:dyDescent="0.15">
      <c r="A15" s="547"/>
      <c r="B15" s="595"/>
      <c r="C15" s="347" t="s">
        <v>0</v>
      </c>
      <c r="D15" s="348" t="s">
        <v>233</v>
      </c>
      <c r="E15" s="351">
        <v>112.8</v>
      </c>
      <c r="F15" s="352">
        <v>-0.9</v>
      </c>
      <c r="G15" s="351">
        <v>117.3</v>
      </c>
      <c r="H15" s="351">
        <v>-1.2</v>
      </c>
      <c r="I15" s="351">
        <v>107.1</v>
      </c>
      <c r="J15" s="351">
        <v>-5.6</v>
      </c>
      <c r="K15" s="351">
        <v>85</v>
      </c>
      <c r="L15" s="351">
        <v>-8.1</v>
      </c>
      <c r="M15" s="351">
        <v>114.9</v>
      </c>
      <c r="N15" s="351">
        <v>-5.4</v>
      </c>
      <c r="O15" s="351">
        <v>110.3</v>
      </c>
      <c r="P15" s="351">
        <v>-15.7</v>
      </c>
      <c r="Q15" s="351">
        <v>103.2</v>
      </c>
      <c r="R15" s="351">
        <v>-20</v>
      </c>
      <c r="S15" s="351">
        <v>89.8</v>
      </c>
      <c r="T15" s="351">
        <v>-1</v>
      </c>
      <c r="U15" s="351">
        <v>183.5</v>
      </c>
      <c r="V15" s="351">
        <v>0</v>
      </c>
      <c r="W15" s="351">
        <v>82.2</v>
      </c>
      <c r="X15" s="351">
        <v>-7.8</v>
      </c>
      <c r="Y15" s="351">
        <v>144.4</v>
      </c>
      <c r="Z15" s="351">
        <v>18.2</v>
      </c>
      <c r="AA15" s="351">
        <v>165.5</v>
      </c>
      <c r="AB15" s="351">
        <v>62.7</v>
      </c>
      <c r="AC15" s="351">
        <v>126</v>
      </c>
      <c r="AD15" s="351">
        <v>16.899999999999999</v>
      </c>
      <c r="AE15" s="351">
        <v>170.2</v>
      </c>
      <c r="AF15" s="351">
        <v>25</v>
      </c>
      <c r="AG15" s="351">
        <v>70.400000000000006</v>
      </c>
      <c r="AH15" s="351">
        <v>-25.8</v>
      </c>
      <c r="AI15" s="351">
        <v>99</v>
      </c>
      <c r="AJ15" s="351">
        <v>12.6</v>
      </c>
      <c r="AK15" s="129"/>
    </row>
    <row r="16" spans="1:37" s="326" customFormat="1" ht="15" customHeight="1" x14ac:dyDescent="0.15">
      <c r="A16" s="547"/>
      <c r="B16" s="595"/>
      <c r="C16" s="347" t="s">
        <v>234</v>
      </c>
      <c r="D16" s="348" t="s">
        <v>235</v>
      </c>
      <c r="E16" s="349">
        <v>104.3</v>
      </c>
      <c r="F16" s="350">
        <v>-4.8</v>
      </c>
      <c r="G16" s="349">
        <v>109.4</v>
      </c>
      <c r="H16" s="349">
        <v>13.5</v>
      </c>
      <c r="I16" s="349">
        <v>100.8</v>
      </c>
      <c r="J16" s="349">
        <v>-1.6</v>
      </c>
      <c r="K16" s="349">
        <v>86.5</v>
      </c>
      <c r="L16" s="349">
        <v>-7.2</v>
      </c>
      <c r="M16" s="349">
        <v>107.1</v>
      </c>
      <c r="N16" s="349">
        <v>-4.5999999999999996</v>
      </c>
      <c r="O16" s="349">
        <v>76.7</v>
      </c>
      <c r="P16" s="349">
        <v>-28.5</v>
      </c>
      <c r="Q16" s="349">
        <v>101.6</v>
      </c>
      <c r="R16" s="349">
        <v>-4.5999999999999996</v>
      </c>
      <c r="S16" s="349">
        <v>83.1</v>
      </c>
      <c r="T16" s="349">
        <v>-3.8</v>
      </c>
      <c r="U16" s="349">
        <v>152.9</v>
      </c>
      <c r="V16" s="349">
        <v>-3.7</v>
      </c>
      <c r="W16" s="349">
        <v>80.3</v>
      </c>
      <c r="X16" s="349">
        <v>-5.2</v>
      </c>
      <c r="Y16" s="349">
        <v>138.9</v>
      </c>
      <c r="Z16" s="349">
        <v>-2</v>
      </c>
      <c r="AA16" s="349">
        <v>170.7</v>
      </c>
      <c r="AB16" s="349">
        <v>52.3</v>
      </c>
      <c r="AC16" s="349">
        <v>192.2</v>
      </c>
      <c r="AD16" s="349">
        <v>51</v>
      </c>
      <c r="AE16" s="349">
        <v>117</v>
      </c>
      <c r="AF16" s="349">
        <v>-37.5</v>
      </c>
      <c r="AG16" s="349">
        <v>76.5</v>
      </c>
      <c r="AH16" s="349">
        <v>11.8</v>
      </c>
      <c r="AI16" s="349">
        <v>104</v>
      </c>
      <c r="AJ16" s="349">
        <v>13.2</v>
      </c>
      <c r="AK16" s="129"/>
    </row>
    <row r="17" spans="1:37" s="326" customFormat="1" ht="15" customHeight="1" x14ac:dyDescent="0.15">
      <c r="A17" s="547"/>
      <c r="B17" s="595"/>
      <c r="C17" s="347" t="s">
        <v>0</v>
      </c>
      <c r="D17" s="348" t="s">
        <v>236</v>
      </c>
      <c r="E17" s="351">
        <v>108.5</v>
      </c>
      <c r="F17" s="352">
        <v>-5.6</v>
      </c>
      <c r="G17" s="351">
        <v>127.3</v>
      </c>
      <c r="H17" s="351">
        <v>23.7</v>
      </c>
      <c r="I17" s="351">
        <v>108.7</v>
      </c>
      <c r="J17" s="351">
        <v>-2.1</v>
      </c>
      <c r="K17" s="351">
        <v>69.2</v>
      </c>
      <c r="L17" s="351">
        <v>-29.2</v>
      </c>
      <c r="M17" s="351">
        <v>100.6</v>
      </c>
      <c r="N17" s="351">
        <v>-12</v>
      </c>
      <c r="O17" s="351">
        <v>74.900000000000006</v>
      </c>
      <c r="P17" s="351">
        <v>-35.299999999999997</v>
      </c>
      <c r="Q17" s="351">
        <v>88.7</v>
      </c>
      <c r="R17" s="351">
        <v>-16.7</v>
      </c>
      <c r="S17" s="351">
        <v>81.400000000000006</v>
      </c>
      <c r="T17" s="351">
        <v>-9.4</v>
      </c>
      <c r="U17" s="351">
        <v>167.1</v>
      </c>
      <c r="V17" s="351">
        <v>-9.5</v>
      </c>
      <c r="W17" s="351">
        <v>87.9</v>
      </c>
      <c r="X17" s="351">
        <v>-0.7</v>
      </c>
      <c r="Y17" s="351">
        <v>125</v>
      </c>
      <c r="Z17" s="351">
        <v>7.1</v>
      </c>
      <c r="AA17" s="351">
        <v>148.30000000000001</v>
      </c>
      <c r="AB17" s="351">
        <v>75.5</v>
      </c>
      <c r="AC17" s="351">
        <v>220.8</v>
      </c>
      <c r="AD17" s="351">
        <v>37.1</v>
      </c>
      <c r="AE17" s="351">
        <v>131.9</v>
      </c>
      <c r="AF17" s="351">
        <v>-28.7</v>
      </c>
      <c r="AG17" s="351">
        <v>49</v>
      </c>
      <c r="AH17" s="351">
        <v>-19.899999999999999</v>
      </c>
      <c r="AI17" s="351">
        <v>111.1</v>
      </c>
      <c r="AJ17" s="351">
        <v>7.9</v>
      </c>
      <c r="AK17" s="129"/>
    </row>
    <row r="18" spans="1:37" s="326" customFormat="1" ht="15" customHeight="1" x14ac:dyDescent="0.15">
      <c r="A18" s="547"/>
      <c r="B18" s="595"/>
      <c r="C18" s="347" t="s">
        <v>0</v>
      </c>
      <c r="D18" s="348" t="s">
        <v>237</v>
      </c>
      <c r="E18" s="349">
        <v>111.7</v>
      </c>
      <c r="F18" s="350">
        <v>-4.5</v>
      </c>
      <c r="G18" s="349">
        <v>134.5</v>
      </c>
      <c r="H18" s="349">
        <v>16.899999999999999</v>
      </c>
      <c r="I18" s="349">
        <v>108.7</v>
      </c>
      <c r="J18" s="349">
        <v>-2.8</v>
      </c>
      <c r="K18" s="349">
        <v>69.2</v>
      </c>
      <c r="L18" s="349">
        <v>-36.1</v>
      </c>
      <c r="M18" s="349">
        <v>116.9</v>
      </c>
      <c r="N18" s="349">
        <v>-1.6</v>
      </c>
      <c r="O18" s="349">
        <v>80.3</v>
      </c>
      <c r="P18" s="349">
        <v>-31.4</v>
      </c>
      <c r="Q18" s="349">
        <v>100</v>
      </c>
      <c r="R18" s="349">
        <v>-10.199999999999999</v>
      </c>
      <c r="S18" s="349">
        <v>91.5</v>
      </c>
      <c r="T18" s="349">
        <v>9.1</v>
      </c>
      <c r="U18" s="349">
        <v>167.1</v>
      </c>
      <c r="V18" s="349">
        <v>-6.5</v>
      </c>
      <c r="W18" s="349">
        <v>89.8</v>
      </c>
      <c r="X18" s="349">
        <v>-4.0999999999999996</v>
      </c>
      <c r="Y18" s="349">
        <v>130.6</v>
      </c>
      <c r="Z18" s="349">
        <v>-11.3</v>
      </c>
      <c r="AA18" s="349">
        <v>156.9</v>
      </c>
      <c r="AB18" s="349">
        <v>26.4</v>
      </c>
      <c r="AC18" s="349">
        <v>194.8</v>
      </c>
      <c r="AD18" s="349">
        <v>18.100000000000001</v>
      </c>
      <c r="AE18" s="349">
        <v>136.19999999999999</v>
      </c>
      <c r="AF18" s="349">
        <v>-11.1</v>
      </c>
      <c r="AG18" s="349">
        <v>56.1</v>
      </c>
      <c r="AH18" s="349">
        <v>-48.2</v>
      </c>
      <c r="AI18" s="349">
        <v>116.2</v>
      </c>
      <c r="AJ18" s="349">
        <v>8.5</v>
      </c>
      <c r="AK18" s="129"/>
    </row>
    <row r="19" spans="1:37" s="326" customFormat="1" ht="15" customHeight="1" x14ac:dyDescent="0.15">
      <c r="A19" s="547"/>
      <c r="B19" s="595"/>
      <c r="C19" s="347" t="s">
        <v>0</v>
      </c>
      <c r="D19" s="348" t="s">
        <v>238</v>
      </c>
      <c r="E19" s="351">
        <v>112.8</v>
      </c>
      <c r="F19" s="352">
        <v>-0.9</v>
      </c>
      <c r="G19" s="351">
        <v>125.9</v>
      </c>
      <c r="H19" s="351">
        <v>15.1</v>
      </c>
      <c r="I19" s="351">
        <v>106.3</v>
      </c>
      <c r="J19" s="351">
        <v>0.8</v>
      </c>
      <c r="K19" s="351">
        <v>60.2</v>
      </c>
      <c r="L19" s="351">
        <v>-33.799999999999997</v>
      </c>
      <c r="M19" s="351">
        <v>110.4</v>
      </c>
      <c r="N19" s="351">
        <v>-5.6</v>
      </c>
      <c r="O19" s="351">
        <v>77.599999999999994</v>
      </c>
      <c r="P19" s="351">
        <v>-35.700000000000003</v>
      </c>
      <c r="Q19" s="351">
        <v>100</v>
      </c>
      <c r="R19" s="351">
        <v>-15</v>
      </c>
      <c r="S19" s="351">
        <v>92.4</v>
      </c>
      <c r="T19" s="351">
        <v>-14.1</v>
      </c>
      <c r="U19" s="351">
        <v>175.3</v>
      </c>
      <c r="V19" s="351">
        <v>-12.9</v>
      </c>
      <c r="W19" s="351">
        <v>78.3</v>
      </c>
      <c r="X19" s="351">
        <v>-9.6</v>
      </c>
      <c r="Y19" s="351">
        <v>130.6</v>
      </c>
      <c r="Z19" s="351">
        <v>0</v>
      </c>
      <c r="AA19" s="351">
        <v>153.4</v>
      </c>
      <c r="AB19" s="351">
        <v>8.5</v>
      </c>
      <c r="AC19" s="351">
        <v>272.7</v>
      </c>
      <c r="AD19" s="351">
        <v>85.8</v>
      </c>
      <c r="AE19" s="351">
        <v>134</v>
      </c>
      <c r="AF19" s="351">
        <v>-8.6999999999999993</v>
      </c>
      <c r="AG19" s="351">
        <v>58.2</v>
      </c>
      <c r="AH19" s="351">
        <v>-31.3</v>
      </c>
      <c r="AI19" s="351">
        <v>112.1</v>
      </c>
      <c r="AJ19" s="351">
        <v>20.7</v>
      </c>
      <c r="AK19" s="129"/>
    </row>
    <row r="20" spans="1:37" s="326" customFormat="1" ht="15" customHeight="1" x14ac:dyDescent="0.15">
      <c r="A20" s="547"/>
      <c r="B20" s="595"/>
      <c r="C20" s="347" t="s">
        <v>0</v>
      </c>
      <c r="D20" s="348" t="s">
        <v>239</v>
      </c>
      <c r="E20" s="349">
        <v>107.4</v>
      </c>
      <c r="F20" s="350">
        <v>-6.5</v>
      </c>
      <c r="G20" s="349">
        <v>101.4</v>
      </c>
      <c r="H20" s="349">
        <v>8.4</v>
      </c>
      <c r="I20" s="349">
        <v>101.6</v>
      </c>
      <c r="J20" s="349">
        <v>6.6</v>
      </c>
      <c r="K20" s="349">
        <v>63.9</v>
      </c>
      <c r="L20" s="349">
        <v>-32</v>
      </c>
      <c r="M20" s="349">
        <v>101.9</v>
      </c>
      <c r="N20" s="349">
        <v>-8.8000000000000007</v>
      </c>
      <c r="O20" s="349">
        <v>70.900000000000006</v>
      </c>
      <c r="P20" s="349">
        <v>-35</v>
      </c>
      <c r="Q20" s="349">
        <v>100</v>
      </c>
      <c r="R20" s="349">
        <v>-8.8000000000000007</v>
      </c>
      <c r="S20" s="349">
        <v>104.2</v>
      </c>
      <c r="T20" s="349">
        <v>0.8</v>
      </c>
      <c r="U20" s="349">
        <v>161.19999999999999</v>
      </c>
      <c r="V20" s="349">
        <v>-15.4</v>
      </c>
      <c r="W20" s="349">
        <v>73.2</v>
      </c>
      <c r="X20" s="349">
        <v>-14.3</v>
      </c>
      <c r="Y20" s="349">
        <v>136.1</v>
      </c>
      <c r="Z20" s="349">
        <v>2.1</v>
      </c>
      <c r="AA20" s="349">
        <v>155.19999999999999</v>
      </c>
      <c r="AB20" s="349">
        <v>21.6</v>
      </c>
      <c r="AC20" s="349">
        <v>268.8</v>
      </c>
      <c r="AD20" s="349">
        <v>40.799999999999997</v>
      </c>
      <c r="AE20" s="349">
        <v>131.9</v>
      </c>
      <c r="AF20" s="349">
        <v>-30.4</v>
      </c>
      <c r="AG20" s="349">
        <v>70.400000000000006</v>
      </c>
      <c r="AH20" s="349">
        <v>-25.8</v>
      </c>
      <c r="AI20" s="349">
        <v>99</v>
      </c>
      <c r="AJ20" s="349">
        <v>2.1</v>
      </c>
      <c r="AK20" s="129"/>
    </row>
    <row r="21" spans="1:37" s="326" customFormat="1" ht="15" customHeight="1" x14ac:dyDescent="0.15">
      <c r="A21" s="547"/>
      <c r="B21" s="595"/>
      <c r="C21" s="347" t="s">
        <v>0</v>
      </c>
      <c r="D21" s="348" t="s">
        <v>240</v>
      </c>
      <c r="E21" s="351">
        <v>108.5</v>
      </c>
      <c r="F21" s="352">
        <v>-1</v>
      </c>
      <c r="G21" s="351">
        <v>102.2</v>
      </c>
      <c r="H21" s="351">
        <v>6.8</v>
      </c>
      <c r="I21" s="351">
        <v>104.7</v>
      </c>
      <c r="J21" s="351">
        <v>3.1</v>
      </c>
      <c r="K21" s="351">
        <v>81.2</v>
      </c>
      <c r="L21" s="351">
        <v>-6.9</v>
      </c>
      <c r="M21" s="351">
        <v>100.6</v>
      </c>
      <c r="N21" s="351">
        <v>-3.7</v>
      </c>
      <c r="O21" s="351">
        <v>74.900000000000006</v>
      </c>
      <c r="P21" s="351">
        <v>-33.200000000000003</v>
      </c>
      <c r="Q21" s="351">
        <v>100</v>
      </c>
      <c r="R21" s="351">
        <v>-3.1</v>
      </c>
      <c r="S21" s="351">
        <v>88.1</v>
      </c>
      <c r="T21" s="351">
        <v>-14</v>
      </c>
      <c r="U21" s="351">
        <v>162.4</v>
      </c>
      <c r="V21" s="351">
        <v>-2.1</v>
      </c>
      <c r="W21" s="351">
        <v>78.3</v>
      </c>
      <c r="X21" s="351">
        <v>-6.9</v>
      </c>
      <c r="Y21" s="351">
        <v>136.1</v>
      </c>
      <c r="Z21" s="351">
        <v>4.2</v>
      </c>
      <c r="AA21" s="351">
        <v>169</v>
      </c>
      <c r="AB21" s="351">
        <v>32.4</v>
      </c>
      <c r="AC21" s="351">
        <v>254.5</v>
      </c>
      <c r="AD21" s="351">
        <v>60.7</v>
      </c>
      <c r="AE21" s="351">
        <v>134</v>
      </c>
      <c r="AF21" s="351">
        <v>-8.6999999999999993</v>
      </c>
      <c r="AG21" s="351">
        <v>59.2</v>
      </c>
      <c r="AH21" s="351">
        <v>-21.6</v>
      </c>
      <c r="AI21" s="351">
        <v>98</v>
      </c>
      <c r="AJ21" s="351">
        <v>-7.6</v>
      </c>
      <c r="AK21" s="129"/>
    </row>
    <row r="22" spans="1:37" s="326" customFormat="1" ht="15" customHeight="1" x14ac:dyDescent="0.15">
      <c r="A22" s="547"/>
      <c r="B22" s="595"/>
      <c r="C22" s="347" t="s">
        <v>0</v>
      </c>
      <c r="D22" s="348" t="s">
        <v>241</v>
      </c>
      <c r="E22" s="349">
        <v>103.2</v>
      </c>
      <c r="F22" s="350">
        <v>-4.9000000000000004</v>
      </c>
      <c r="G22" s="349">
        <v>111.5</v>
      </c>
      <c r="H22" s="349">
        <v>4.7</v>
      </c>
      <c r="I22" s="349">
        <v>107.9</v>
      </c>
      <c r="J22" s="349">
        <v>-1.4</v>
      </c>
      <c r="K22" s="349">
        <v>88.7</v>
      </c>
      <c r="L22" s="349">
        <v>6.2</v>
      </c>
      <c r="M22" s="349">
        <v>104.5</v>
      </c>
      <c r="N22" s="349">
        <v>-1.9</v>
      </c>
      <c r="O22" s="349">
        <v>64.599999999999994</v>
      </c>
      <c r="P22" s="349">
        <v>-36.200000000000003</v>
      </c>
      <c r="Q22" s="349">
        <v>101.6</v>
      </c>
      <c r="R22" s="349">
        <v>1.6</v>
      </c>
      <c r="S22" s="349">
        <v>94.1</v>
      </c>
      <c r="T22" s="349">
        <v>4.8</v>
      </c>
      <c r="U22" s="349">
        <v>120</v>
      </c>
      <c r="V22" s="349">
        <v>-28.7</v>
      </c>
      <c r="W22" s="349">
        <v>84.7</v>
      </c>
      <c r="X22" s="349">
        <v>-5.7</v>
      </c>
      <c r="Y22" s="349">
        <v>133.30000000000001</v>
      </c>
      <c r="Z22" s="349">
        <v>2.1</v>
      </c>
      <c r="AA22" s="349">
        <v>131</v>
      </c>
      <c r="AB22" s="349">
        <v>-18.3</v>
      </c>
      <c r="AC22" s="349">
        <v>202.6</v>
      </c>
      <c r="AD22" s="349">
        <v>45.8</v>
      </c>
      <c r="AE22" s="349">
        <v>112.8</v>
      </c>
      <c r="AF22" s="349">
        <v>-22</v>
      </c>
      <c r="AG22" s="349">
        <v>72.400000000000006</v>
      </c>
      <c r="AH22" s="349">
        <v>-20.3</v>
      </c>
      <c r="AI22" s="349">
        <v>97</v>
      </c>
      <c r="AJ22" s="349">
        <v>-1</v>
      </c>
      <c r="AK22" s="129"/>
    </row>
    <row r="23" spans="1:37" s="326" customFormat="1" ht="15" customHeight="1" x14ac:dyDescent="0.15">
      <c r="A23" s="547"/>
      <c r="B23" s="595"/>
      <c r="C23" s="347" t="s">
        <v>0</v>
      </c>
      <c r="D23" s="348" t="s">
        <v>242</v>
      </c>
      <c r="E23" s="351">
        <v>89.4</v>
      </c>
      <c r="F23" s="352">
        <v>-11.6</v>
      </c>
      <c r="G23" s="351">
        <v>96.4</v>
      </c>
      <c r="H23" s="351">
        <v>-2.9</v>
      </c>
      <c r="I23" s="351">
        <v>98.4</v>
      </c>
      <c r="J23" s="351">
        <v>-4.5999999999999996</v>
      </c>
      <c r="K23" s="351">
        <v>75.900000000000006</v>
      </c>
      <c r="L23" s="351">
        <v>-18.600000000000001</v>
      </c>
      <c r="M23" s="351">
        <v>101.3</v>
      </c>
      <c r="N23" s="351">
        <v>-2.5</v>
      </c>
      <c r="O23" s="351">
        <v>55.2</v>
      </c>
      <c r="P23" s="351">
        <v>-45.5</v>
      </c>
      <c r="Q23" s="351">
        <v>100</v>
      </c>
      <c r="R23" s="351">
        <v>5</v>
      </c>
      <c r="S23" s="351">
        <v>84.7</v>
      </c>
      <c r="T23" s="351">
        <v>1</v>
      </c>
      <c r="U23" s="351">
        <v>94.1</v>
      </c>
      <c r="V23" s="351">
        <v>-54.3</v>
      </c>
      <c r="W23" s="351">
        <v>69.400000000000006</v>
      </c>
      <c r="X23" s="351">
        <v>-11.4</v>
      </c>
      <c r="Y23" s="351">
        <v>138.9</v>
      </c>
      <c r="Z23" s="351">
        <v>2.1</v>
      </c>
      <c r="AA23" s="351">
        <v>139.69999999999999</v>
      </c>
      <c r="AB23" s="351">
        <v>-24.3</v>
      </c>
      <c r="AC23" s="351">
        <v>98.7</v>
      </c>
      <c r="AD23" s="351">
        <v>69</v>
      </c>
      <c r="AE23" s="351">
        <v>106.4</v>
      </c>
      <c r="AF23" s="351">
        <v>-24.2</v>
      </c>
      <c r="AG23" s="351">
        <v>62.2</v>
      </c>
      <c r="AH23" s="351">
        <v>-15.4</v>
      </c>
      <c r="AI23" s="351">
        <v>88.9</v>
      </c>
      <c r="AJ23" s="351">
        <v>1.1000000000000001</v>
      </c>
      <c r="AK23" s="129"/>
    </row>
    <row r="24" spans="1:37" s="326" customFormat="1" ht="15" customHeight="1" x14ac:dyDescent="0.15">
      <c r="A24" s="547"/>
      <c r="B24" s="595"/>
      <c r="C24" s="347" t="s">
        <v>0</v>
      </c>
      <c r="D24" s="348" t="s">
        <v>243</v>
      </c>
      <c r="E24" s="349">
        <v>103.2</v>
      </c>
      <c r="F24" s="350">
        <v>-4.9000000000000004</v>
      </c>
      <c r="G24" s="349">
        <v>113.7</v>
      </c>
      <c r="H24" s="349">
        <v>7.5</v>
      </c>
      <c r="I24" s="349">
        <v>103.1</v>
      </c>
      <c r="J24" s="349">
        <v>-7.1</v>
      </c>
      <c r="K24" s="349">
        <v>74.400000000000006</v>
      </c>
      <c r="L24" s="349">
        <v>-18.899999999999999</v>
      </c>
      <c r="M24" s="349">
        <v>100.6</v>
      </c>
      <c r="N24" s="349">
        <v>-7.2</v>
      </c>
      <c r="O24" s="349">
        <v>63.7</v>
      </c>
      <c r="P24" s="349">
        <v>-39</v>
      </c>
      <c r="Q24" s="349">
        <v>96.8</v>
      </c>
      <c r="R24" s="349">
        <v>1.7</v>
      </c>
      <c r="S24" s="349">
        <v>91.5</v>
      </c>
      <c r="T24" s="349">
        <v>19.899999999999999</v>
      </c>
      <c r="U24" s="349">
        <v>107.1</v>
      </c>
      <c r="V24" s="349">
        <v>-49.4</v>
      </c>
      <c r="W24" s="349">
        <v>83.4</v>
      </c>
      <c r="X24" s="349">
        <v>-3</v>
      </c>
      <c r="Y24" s="349">
        <v>138.9</v>
      </c>
      <c r="Z24" s="349">
        <v>4.2</v>
      </c>
      <c r="AA24" s="349">
        <v>144.80000000000001</v>
      </c>
      <c r="AB24" s="349">
        <v>-7.7</v>
      </c>
      <c r="AC24" s="349">
        <v>240.3</v>
      </c>
      <c r="AD24" s="349">
        <v>86.9</v>
      </c>
      <c r="AE24" s="349">
        <v>108.5</v>
      </c>
      <c r="AF24" s="349">
        <v>-27.1</v>
      </c>
      <c r="AG24" s="349">
        <v>65.3</v>
      </c>
      <c r="AH24" s="349">
        <v>48.7</v>
      </c>
      <c r="AI24" s="349">
        <v>104</v>
      </c>
      <c r="AJ24" s="349">
        <v>9.6</v>
      </c>
      <c r="AK24" s="129"/>
    </row>
    <row r="25" spans="1:37" s="326" customFormat="1" ht="15" customHeight="1" x14ac:dyDescent="0.15">
      <c r="A25" s="547"/>
      <c r="B25" s="595"/>
      <c r="C25" s="347" t="s">
        <v>0</v>
      </c>
      <c r="D25" s="348" t="s">
        <v>244</v>
      </c>
      <c r="E25" s="351">
        <v>111.7</v>
      </c>
      <c r="F25" s="352">
        <v>-1</v>
      </c>
      <c r="G25" s="351">
        <v>133.1</v>
      </c>
      <c r="H25" s="351">
        <v>26.8</v>
      </c>
      <c r="I25" s="351">
        <v>111.8</v>
      </c>
      <c r="J25" s="351">
        <v>-0.7</v>
      </c>
      <c r="K25" s="351">
        <v>70.7</v>
      </c>
      <c r="L25" s="351">
        <v>-18.899999999999999</v>
      </c>
      <c r="M25" s="351">
        <v>111.7</v>
      </c>
      <c r="N25" s="351">
        <v>-3.4</v>
      </c>
      <c r="O25" s="351">
        <v>72.599999999999994</v>
      </c>
      <c r="P25" s="351">
        <v>-28.7</v>
      </c>
      <c r="Q25" s="351">
        <v>111.3</v>
      </c>
      <c r="R25" s="351">
        <v>4.5</v>
      </c>
      <c r="S25" s="351">
        <v>108.5</v>
      </c>
      <c r="T25" s="351">
        <v>17.399999999999999</v>
      </c>
      <c r="U25" s="351">
        <v>117.6</v>
      </c>
      <c r="V25" s="351">
        <v>-42.6</v>
      </c>
      <c r="W25" s="351">
        <v>84.7</v>
      </c>
      <c r="X25" s="351">
        <v>-3</v>
      </c>
      <c r="Y25" s="351">
        <v>136.1</v>
      </c>
      <c r="Z25" s="351">
        <v>2.1</v>
      </c>
      <c r="AA25" s="351">
        <v>119</v>
      </c>
      <c r="AB25" s="351">
        <v>-25</v>
      </c>
      <c r="AC25" s="351">
        <v>255.8</v>
      </c>
      <c r="AD25" s="351">
        <v>45.9</v>
      </c>
      <c r="AE25" s="351">
        <v>117</v>
      </c>
      <c r="AF25" s="351">
        <v>-11.3</v>
      </c>
      <c r="AG25" s="351">
        <v>61.2</v>
      </c>
      <c r="AH25" s="351">
        <v>-6.3</v>
      </c>
      <c r="AI25" s="351">
        <v>102</v>
      </c>
      <c r="AJ25" s="351">
        <v>-3.9</v>
      </c>
      <c r="AK25" s="129"/>
    </row>
    <row r="26" spans="1:37" s="326" customFormat="1" ht="14.25" customHeight="1" x14ac:dyDescent="0.15">
      <c r="A26" s="547"/>
      <c r="B26" s="59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29"/>
    </row>
    <row r="27" spans="1:37" s="326" customFormat="1" ht="14.25" customHeight="1" x14ac:dyDescent="0.15">
      <c r="A27" s="547"/>
      <c r="B27" s="595"/>
      <c r="C27" s="347" t="s">
        <v>234</v>
      </c>
      <c r="D27" s="348" t="s">
        <v>232</v>
      </c>
      <c r="E27" s="349">
        <v>110.6</v>
      </c>
      <c r="F27" s="350">
        <v>-2</v>
      </c>
      <c r="G27" s="349">
        <v>124.5</v>
      </c>
      <c r="H27" s="349">
        <v>14.6</v>
      </c>
      <c r="I27" s="349">
        <v>114.2</v>
      </c>
      <c r="J27" s="349">
        <v>-4</v>
      </c>
      <c r="K27" s="349">
        <v>71.400000000000006</v>
      </c>
      <c r="L27" s="349">
        <v>-17.5</v>
      </c>
      <c r="M27" s="349">
        <v>111</v>
      </c>
      <c r="N27" s="349">
        <v>-0.6</v>
      </c>
      <c r="O27" s="349">
        <v>75.8</v>
      </c>
      <c r="P27" s="349">
        <v>-30.1</v>
      </c>
      <c r="Q27" s="349">
        <v>104.8</v>
      </c>
      <c r="R27" s="349">
        <v>6.5</v>
      </c>
      <c r="S27" s="349">
        <v>104.2</v>
      </c>
      <c r="T27" s="349">
        <v>14.9</v>
      </c>
      <c r="U27" s="349">
        <v>125.9</v>
      </c>
      <c r="V27" s="349">
        <v>-28.7</v>
      </c>
      <c r="W27" s="349">
        <v>87.3</v>
      </c>
      <c r="X27" s="349">
        <v>-1.4</v>
      </c>
      <c r="Y27" s="349">
        <v>150</v>
      </c>
      <c r="Z27" s="349">
        <v>20</v>
      </c>
      <c r="AA27" s="349">
        <v>141.4</v>
      </c>
      <c r="AB27" s="349">
        <v>-6.8</v>
      </c>
      <c r="AC27" s="349">
        <v>219.5</v>
      </c>
      <c r="AD27" s="349">
        <v>24.3</v>
      </c>
      <c r="AE27" s="349">
        <v>119.1</v>
      </c>
      <c r="AF27" s="349">
        <v>-16.5</v>
      </c>
      <c r="AG27" s="349">
        <v>59.2</v>
      </c>
      <c r="AH27" s="349">
        <v>-21.6</v>
      </c>
      <c r="AI27" s="349">
        <v>109.1</v>
      </c>
      <c r="AJ27" s="349">
        <v>8</v>
      </c>
      <c r="AK27" s="129"/>
    </row>
    <row r="28" spans="1:37" s="326" customFormat="1" ht="11.25" customHeight="1" x14ac:dyDescent="0.15">
      <c r="A28" s="547"/>
      <c r="B28" s="551"/>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29"/>
    </row>
    <row r="29" spans="1:37" s="326" customFormat="1" ht="11.25" customHeight="1" x14ac:dyDescent="0.15">
      <c r="A29" s="547"/>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29"/>
    </row>
    <row r="30" spans="1:37" s="326" customFormat="1" ht="14.25" customHeight="1" x14ac:dyDescent="0.15">
      <c r="A30" s="547"/>
      <c r="B30" s="365"/>
      <c r="C30" s="347" t="s">
        <v>227</v>
      </c>
      <c r="D30" s="348" t="s">
        <v>228</v>
      </c>
      <c r="E30" s="349">
        <v>105.4</v>
      </c>
      <c r="F30" s="350">
        <v>5.3</v>
      </c>
      <c r="G30" s="349">
        <v>119.2</v>
      </c>
      <c r="H30" s="349">
        <v>19.2</v>
      </c>
      <c r="I30" s="349">
        <v>102.5</v>
      </c>
      <c r="J30" s="349">
        <v>2.4</v>
      </c>
      <c r="K30" s="349">
        <v>78.2</v>
      </c>
      <c r="L30" s="349">
        <v>-21.8</v>
      </c>
      <c r="M30" s="349">
        <v>117.7</v>
      </c>
      <c r="N30" s="349">
        <v>17.600000000000001</v>
      </c>
      <c r="O30" s="349">
        <v>105</v>
      </c>
      <c r="P30" s="349">
        <v>5</v>
      </c>
      <c r="Q30" s="349">
        <v>103.7</v>
      </c>
      <c r="R30" s="349">
        <v>3.7</v>
      </c>
      <c r="S30" s="349">
        <v>88.3</v>
      </c>
      <c r="T30" s="349">
        <v>-11.6</v>
      </c>
      <c r="U30" s="349">
        <v>116.8</v>
      </c>
      <c r="V30" s="349">
        <v>16.8</v>
      </c>
      <c r="W30" s="349">
        <v>105.2</v>
      </c>
      <c r="X30" s="349">
        <v>5.2</v>
      </c>
      <c r="Y30" s="349">
        <v>91.6</v>
      </c>
      <c r="Z30" s="349">
        <v>-8.3000000000000007</v>
      </c>
      <c r="AA30" s="349">
        <v>99.4</v>
      </c>
      <c r="AB30" s="349">
        <v>-0.5</v>
      </c>
      <c r="AC30" s="349">
        <v>119.6</v>
      </c>
      <c r="AD30" s="349">
        <v>19.600000000000001</v>
      </c>
      <c r="AE30" s="349">
        <v>90.4</v>
      </c>
      <c r="AF30" s="349">
        <v>-9.6</v>
      </c>
      <c r="AG30" s="349">
        <v>100.1</v>
      </c>
      <c r="AH30" s="349">
        <v>0.1</v>
      </c>
      <c r="AI30" s="349">
        <v>111.5</v>
      </c>
      <c r="AJ30" s="349">
        <v>11.6</v>
      </c>
      <c r="AK30" s="129"/>
    </row>
    <row r="31" spans="1:37" s="326" customFormat="1" ht="14.25" customHeight="1" x14ac:dyDescent="0.15">
      <c r="A31" s="547"/>
      <c r="B31" s="365"/>
      <c r="C31" s="347" t="s">
        <v>227</v>
      </c>
      <c r="D31" s="348" t="s">
        <v>229</v>
      </c>
      <c r="E31" s="351">
        <v>107.9</v>
      </c>
      <c r="F31" s="352">
        <v>2.4</v>
      </c>
      <c r="G31" s="351">
        <v>120.7</v>
      </c>
      <c r="H31" s="351">
        <v>1.3</v>
      </c>
      <c r="I31" s="351">
        <v>115</v>
      </c>
      <c r="J31" s="351">
        <v>12.2</v>
      </c>
      <c r="K31" s="351">
        <v>92.2</v>
      </c>
      <c r="L31" s="351">
        <v>17.899999999999999</v>
      </c>
      <c r="M31" s="351">
        <v>136.19999999999999</v>
      </c>
      <c r="N31" s="351">
        <v>15.7</v>
      </c>
      <c r="O31" s="351">
        <v>92.4</v>
      </c>
      <c r="P31" s="351">
        <v>-12</v>
      </c>
      <c r="Q31" s="351">
        <v>136.1</v>
      </c>
      <c r="R31" s="351">
        <v>31.2</v>
      </c>
      <c r="S31" s="351">
        <v>76.8</v>
      </c>
      <c r="T31" s="351">
        <v>-13</v>
      </c>
      <c r="U31" s="351">
        <v>129.9</v>
      </c>
      <c r="V31" s="351">
        <v>11.2</v>
      </c>
      <c r="W31" s="351">
        <v>85.6</v>
      </c>
      <c r="X31" s="351">
        <v>-18.600000000000001</v>
      </c>
      <c r="Y31" s="351">
        <v>148.4</v>
      </c>
      <c r="Z31" s="351">
        <v>62</v>
      </c>
      <c r="AA31" s="351">
        <v>74.900000000000006</v>
      </c>
      <c r="AB31" s="351">
        <v>-24.6</v>
      </c>
      <c r="AC31" s="351">
        <v>80.400000000000006</v>
      </c>
      <c r="AD31" s="351">
        <v>-32.799999999999997</v>
      </c>
      <c r="AE31" s="351">
        <v>133.6</v>
      </c>
      <c r="AF31" s="351">
        <v>47.8</v>
      </c>
      <c r="AG31" s="351">
        <v>113.1</v>
      </c>
      <c r="AH31" s="351">
        <v>13</v>
      </c>
      <c r="AI31" s="351">
        <v>95.4</v>
      </c>
      <c r="AJ31" s="351">
        <v>-14.4</v>
      </c>
      <c r="AK31" s="129"/>
    </row>
    <row r="32" spans="1:37" s="326" customFormat="1" ht="14.25" customHeight="1" x14ac:dyDescent="0.15">
      <c r="A32" s="547"/>
      <c r="B32" s="365"/>
      <c r="C32" s="347" t="s">
        <v>227</v>
      </c>
      <c r="D32" s="348" t="s">
        <v>230</v>
      </c>
      <c r="E32" s="349">
        <v>115.9</v>
      </c>
      <c r="F32" s="350">
        <v>7.4</v>
      </c>
      <c r="G32" s="349">
        <v>109.3</v>
      </c>
      <c r="H32" s="349">
        <v>-9.4</v>
      </c>
      <c r="I32" s="349">
        <v>116.3</v>
      </c>
      <c r="J32" s="349">
        <v>1.1000000000000001</v>
      </c>
      <c r="K32" s="349">
        <v>93.1</v>
      </c>
      <c r="L32" s="349">
        <v>1</v>
      </c>
      <c r="M32" s="349">
        <v>126.8</v>
      </c>
      <c r="N32" s="349">
        <v>-6.9</v>
      </c>
      <c r="O32" s="349">
        <v>118</v>
      </c>
      <c r="P32" s="349">
        <v>27.7</v>
      </c>
      <c r="Q32" s="349">
        <v>158.6</v>
      </c>
      <c r="R32" s="349">
        <v>16.5</v>
      </c>
      <c r="S32" s="349">
        <v>75.2</v>
      </c>
      <c r="T32" s="349">
        <v>-2.1</v>
      </c>
      <c r="U32" s="349">
        <v>143.4</v>
      </c>
      <c r="V32" s="349">
        <v>10.4</v>
      </c>
      <c r="W32" s="349">
        <v>91</v>
      </c>
      <c r="X32" s="349">
        <v>6.3</v>
      </c>
      <c r="Y32" s="349">
        <v>151.80000000000001</v>
      </c>
      <c r="Z32" s="349">
        <v>2.2999999999999998</v>
      </c>
      <c r="AA32" s="349">
        <v>73.5</v>
      </c>
      <c r="AB32" s="349">
        <v>-1.9</v>
      </c>
      <c r="AC32" s="349">
        <v>118.2</v>
      </c>
      <c r="AD32" s="349">
        <v>47</v>
      </c>
      <c r="AE32" s="349">
        <v>150.30000000000001</v>
      </c>
      <c r="AF32" s="349">
        <v>12.5</v>
      </c>
      <c r="AG32" s="349">
        <v>113.2</v>
      </c>
      <c r="AH32" s="349">
        <v>0.1</v>
      </c>
      <c r="AI32" s="349">
        <v>85.2</v>
      </c>
      <c r="AJ32" s="349">
        <v>-10.7</v>
      </c>
      <c r="AK32" s="129"/>
    </row>
    <row r="33" spans="1:37" s="326" customFormat="1" ht="14.25" customHeight="1" x14ac:dyDescent="0.15">
      <c r="A33" s="547"/>
      <c r="B33" s="365"/>
      <c r="C33" s="347" t="s">
        <v>227</v>
      </c>
      <c r="D33" s="348" t="s">
        <v>231</v>
      </c>
      <c r="E33" s="351">
        <v>116.5</v>
      </c>
      <c r="F33" s="352">
        <v>-1.4</v>
      </c>
      <c r="G33" s="351">
        <v>95.9</v>
      </c>
      <c r="H33" s="351">
        <v>-12.6</v>
      </c>
      <c r="I33" s="351">
        <v>105.1</v>
      </c>
      <c r="J33" s="351">
        <v>-9.6999999999999993</v>
      </c>
      <c r="K33" s="351">
        <v>96.1</v>
      </c>
      <c r="L33" s="351">
        <v>0.9</v>
      </c>
      <c r="M33" s="351">
        <v>116.9</v>
      </c>
      <c r="N33" s="351">
        <v>-7.4</v>
      </c>
      <c r="O33" s="351">
        <v>110.4</v>
      </c>
      <c r="P33" s="351">
        <v>-6.7</v>
      </c>
      <c r="Q33" s="351">
        <v>121.3</v>
      </c>
      <c r="R33" s="351">
        <v>-21.4</v>
      </c>
      <c r="S33" s="351">
        <v>93.2</v>
      </c>
      <c r="T33" s="351">
        <v>21.2</v>
      </c>
      <c r="U33" s="351">
        <v>122.7</v>
      </c>
      <c r="V33" s="351">
        <v>-11.5</v>
      </c>
      <c r="W33" s="351">
        <v>87.6</v>
      </c>
      <c r="X33" s="351">
        <v>-3</v>
      </c>
      <c r="Y33" s="351">
        <v>175.5</v>
      </c>
      <c r="Z33" s="351">
        <v>14.8</v>
      </c>
      <c r="AA33" s="351">
        <v>92.6</v>
      </c>
      <c r="AB33" s="351">
        <v>26.8</v>
      </c>
      <c r="AC33" s="351">
        <v>140.5</v>
      </c>
      <c r="AD33" s="351">
        <v>17</v>
      </c>
      <c r="AE33" s="351">
        <v>178.8</v>
      </c>
      <c r="AF33" s="351">
        <v>19.7</v>
      </c>
      <c r="AG33" s="361">
        <v>107.1</v>
      </c>
      <c r="AH33" s="361">
        <v>2</v>
      </c>
      <c r="AI33" s="351">
        <v>100.7</v>
      </c>
      <c r="AJ33" s="351">
        <v>18.2</v>
      </c>
      <c r="AK33" s="129"/>
    </row>
    <row r="34" spans="1:37" s="326" customFormat="1" ht="14.25" customHeight="1" x14ac:dyDescent="0.15">
      <c r="A34" s="547"/>
      <c r="B34" s="365"/>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29"/>
    </row>
    <row r="35" spans="1:37" s="326" customFormat="1" ht="15" customHeight="1" x14ac:dyDescent="0.15">
      <c r="A35" s="547"/>
      <c r="B35" s="596" t="s">
        <v>48</v>
      </c>
      <c r="C35" s="347" t="s">
        <v>208</v>
      </c>
      <c r="D35" s="348" t="s">
        <v>232</v>
      </c>
      <c r="E35" s="349">
        <v>120.6</v>
      </c>
      <c r="F35" s="350">
        <v>0</v>
      </c>
      <c r="G35" s="349">
        <v>93.3</v>
      </c>
      <c r="H35" s="349">
        <v>-14.9</v>
      </c>
      <c r="I35" s="349">
        <v>115.5</v>
      </c>
      <c r="J35" s="349">
        <v>1.2</v>
      </c>
      <c r="K35" s="349">
        <v>90.3</v>
      </c>
      <c r="L35" s="349">
        <v>-1.6</v>
      </c>
      <c r="M35" s="349">
        <v>117.9</v>
      </c>
      <c r="N35" s="349">
        <v>-7.7</v>
      </c>
      <c r="O35" s="349">
        <v>112.7</v>
      </c>
      <c r="P35" s="349">
        <v>-8.4</v>
      </c>
      <c r="Q35" s="349">
        <v>116.4</v>
      </c>
      <c r="R35" s="349">
        <v>-28.3</v>
      </c>
      <c r="S35" s="349">
        <v>94</v>
      </c>
      <c r="T35" s="349">
        <v>21.1</v>
      </c>
      <c r="U35" s="349">
        <v>113.8</v>
      </c>
      <c r="V35" s="349">
        <v>-13.3</v>
      </c>
      <c r="W35" s="349">
        <v>89.9</v>
      </c>
      <c r="X35" s="349">
        <v>-6.2</v>
      </c>
      <c r="Y35" s="349">
        <v>175.7</v>
      </c>
      <c r="Z35" s="349">
        <v>20.399999999999999</v>
      </c>
      <c r="AA35" s="349">
        <v>109.6</v>
      </c>
      <c r="AB35" s="349">
        <v>60</v>
      </c>
      <c r="AC35" s="349">
        <v>172</v>
      </c>
      <c r="AD35" s="349">
        <v>35.299999999999997</v>
      </c>
      <c r="AE35" s="349">
        <v>160</v>
      </c>
      <c r="AF35" s="349">
        <v>-3.3</v>
      </c>
      <c r="AG35" s="360" t="s">
        <v>19</v>
      </c>
      <c r="AH35" s="360" t="s">
        <v>19</v>
      </c>
      <c r="AI35" s="349">
        <v>106.5</v>
      </c>
      <c r="AJ35" s="349">
        <v>24</v>
      </c>
      <c r="AK35" s="129"/>
    </row>
    <row r="36" spans="1:37" s="326" customFormat="1" ht="15" customHeight="1" x14ac:dyDescent="0.15">
      <c r="A36" s="547"/>
      <c r="B36" s="596"/>
      <c r="C36" s="347" t="s">
        <v>0</v>
      </c>
      <c r="D36" s="348" t="s">
        <v>233</v>
      </c>
      <c r="E36" s="351">
        <v>117.8</v>
      </c>
      <c r="F36" s="352">
        <v>0</v>
      </c>
      <c r="G36" s="351">
        <v>103.3</v>
      </c>
      <c r="H36" s="351">
        <v>-4.4000000000000004</v>
      </c>
      <c r="I36" s="351">
        <v>104.9</v>
      </c>
      <c r="J36" s="351">
        <v>-5.2</v>
      </c>
      <c r="K36" s="351">
        <v>91</v>
      </c>
      <c r="L36" s="351">
        <v>-2.5</v>
      </c>
      <c r="M36" s="351">
        <v>123.2</v>
      </c>
      <c r="N36" s="351">
        <v>-5.0999999999999996</v>
      </c>
      <c r="O36" s="351">
        <v>114.2</v>
      </c>
      <c r="P36" s="351">
        <v>-17.399999999999999</v>
      </c>
      <c r="Q36" s="351">
        <v>118</v>
      </c>
      <c r="R36" s="351">
        <v>-26.6</v>
      </c>
      <c r="S36" s="351">
        <v>98.5</v>
      </c>
      <c r="T36" s="351">
        <v>30.6</v>
      </c>
      <c r="U36" s="351">
        <v>107.5</v>
      </c>
      <c r="V36" s="351">
        <v>-26.5</v>
      </c>
      <c r="W36" s="351">
        <v>83.3</v>
      </c>
      <c r="X36" s="351">
        <v>-4.8</v>
      </c>
      <c r="Y36" s="351">
        <v>183.8</v>
      </c>
      <c r="Z36" s="351">
        <v>41.7</v>
      </c>
      <c r="AA36" s="351">
        <v>94.5</v>
      </c>
      <c r="AB36" s="351">
        <v>40.799999999999997</v>
      </c>
      <c r="AC36" s="351">
        <v>120.6</v>
      </c>
      <c r="AD36" s="351">
        <v>27.8</v>
      </c>
      <c r="AE36" s="351">
        <v>196.4</v>
      </c>
      <c r="AF36" s="351">
        <v>28.6</v>
      </c>
      <c r="AG36" s="361" t="s">
        <v>19</v>
      </c>
      <c r="AH36" s="361" t="s">
        <v>19</v>
      </c>
      <c r="AI36" s="351">
        <v>105.4</v>
      </c>
      <c r="AJ36" s="351">
        <v>19.8</v>
      </c>
      <c r="AK36" s="129"/>
    </row>
    <row r="37" spans="1:37" s="326" customFormat="1" ht="15" customHeight="1" x14ac:dyDescent="0.15">
      <c r="A37" s="547"/>
      <c r="B37" s="596"/>
      <c r="C37" s="347" t="s">
        <v>234</v>
      </c>
      <c r="D37" s="348" t="s">
        <v>235</v>
      </c>
      <c r="E37" s="349">
        <v>107.5</v>
      </c>
      <c r="F37" s="350">
        <v>-8</v>
      </c>
      <c r="G37" s="349">
        <v>82.8</v>
      </c>
      <c r="H37" s="349">
        <v>-19.100000000000001</v>
      </c>
      <c r="I37" s="349">
        <v>94.4</v>
      </c>
      <c r="J37" s="349">
        <v>-4.9000000000000004</v>
      </c>
      <c r="K37" s="349">
        <v>94</v>
      </c>
      <c r="L37" s="349">
        <v>-5.3</v>
      </c>
      <c r="M37" s="349">
        <v>113.2</v>
      </c>
      <c r="N37" s="349">
        <v>-2.9</v>
      </c>
      <c r="O37" s="349">
        <v>77.8</v>
      </c>
      <c r="P37" s="349">
        <v>-27</v>
      </c>
      <c r="Q37" s="349">
        <v>123</v>
      </c>
      <c r="R37" s="349">
        <v>-3.8</v>
      </c>
      <c r="S37" s="349">
        <v>88.8</v>
      </c>
      <c r="T37" s="349">
        <v>5.3</v>
      </c>
      <c r="U37" s="349">
        <v>95</v>
      </c>
      <c r="V37" s="349">
        <v>-12.7</v>
      </c>
      <c r="W37" s="349">
        <v>83.9</v>
      </c>
      <c r="X37" s="349">
        <v>-4.0999999999999996</v>
      </c>
      <c r="Y37" s="349">
        <v>167.6</v>
      </c>
      <c r="Z37" s="349">
        <v>-10.1</v>
      </c>
      <c r="AA37" s="349">
        <v>109.6</v>
      </c>
      <c r="AB37" s="349">
        <v>25</v>
      </c>
      <c r="AC37" s="349">
        <v>189.7</v>
      </c>
      <c r="AD37" s="349">
        <v>58.6</v>
      </c>
      <c r="AE37" s="349">
        <v>110.9</v>
      </c>
      <c r="AF37" s="349">
        <v>-50</v>
      </c>
      <c r="AG37" s="360">
        <v>100</v>
      </c>
      <c r="AH37" s="360">
        <v>5.9</v>
      </c>
      <c r="AI37" s="349">
        <v>113</v>
      </c>
      <c r="AJ37" s="349">
        <v>22.3</v>
      </c>
      <c r="AK37" s="129"/>
    </row>
    <row r="38" spans="1:37" s="326" customFormat="1" ht="15" customHeight="1" x14ac:dyDescent="0.15">
      <c r="A38" s="547"/>
      <c r="B38" s="596"/>
      <c r="C38" s="347" t="s">
        <v>0</v>
      </c>
      <c r="D38" s="348" t="s">
        <v>236</v>
      </c>
      <c r="E38" s="351">
        <v>111.2</v>
      </c>
      <c r="F38" s="352">
        <v>-7.8</v>
      </c>
      <c r="G38" s="351">
        <v>91.4</v>
      </c>
      <c r="H38" s="351">
        <v>0.6</v>
      </c>
      <c r="I38" s="351">
        <v>100</v>
      </c>
      <c r="J38" s="351">
        <v>-8.4</v>
      </c>
      <c r="K38" s="351">
        <v>69.400000000000006</v>
      </c>
      <c r="L38" s="351">
        <v>-33.1</v>
      </c>
      <c r="M38" s="351">
        <v>103.3</v>
      </c>
      <c r="N38" s="351">
        <v>-13.3</v>
      </c>
      <c r="O38" s="351">
        <v>71.7</v>
      </c>
      <c r="P38" s="351">
        <v>-34.5</v>
      </c>
      <c r="Q38" s="351">
        <v>113.1</v>
      </c>
      <c r="R38" s="351">
        <v>-2.8</v>
      </c>
      <c r="S38" s="351">
        <v>96.3</v>
      </c>
      <c r="T38" s="351">
        <v>11.2</v>
      </c>
      <c r="U38" s="351">
        <v>102.5</v>
      </c>
      <c r="V38" s="351">
        <v>-19.600000000000001</v>
      </c>
      <c r="W38" s="351">
        <v>92.3</v>
      </c>
      <c r="X38" s="351">
        <v>0.7</v>
      </c>
      <c r="Y38" s="351">
        <v>140.5</v>
      </c>
      <c r="Z38" s="351">
        <v>2</v>
      </c>
      <c r="AA38" s="351">
        <v>86.3</v>
      </c>
      <c r="AB38" s="351">
        <v>8.6</v>
      </c>
      <c r="AC38" s="351">
        <v>217.8</v>
      </c>
      <c r="AD38" s="351">
        <v>42.1</v>
      </c>
      <c r="AE38" s="351">
        <v>134.5</v>
      </c>
      <c r="AF38" s="351">
        <v>-38.4</v>
      </c>
      <c r="AG38" s="361">
        <v>53.3</v>
      </c>
      <c r="AH38" s="361">
        <v>-32.1</v>
      </c>
      <c r="AI38" s="351">
        <v>119.6</v>
      </c>
      <c r="AJ38" s="351">
        <v>18.3</v>
      </c>
      <c r="AK38" s="129"/>
    </row>
    <row r="39" spans="1:37" s="326" customFormat="1" ht="15" customHeight="1" x14ac:dyDescent="0.15">
      <c r="A39" s="547"/>
      <c r="B39" s="596"/>
      <c r="C39" s="347" t="s">
        <v>0</v>
      </c>
      <c r="D39" s="348" t="s">
        <v>237</v>
      </c>
      <c r="E39" s="349">
        <v>114</v>
      </c>
      <c r="F39" s="350">
        <v>-6.9</v>
      </c>
      <c r="G39" s="349">
        <v>93.3</v>
      </c>
      <c r="H39" s="349">
        <v>-8</v>
      </c>
      <c r="I39" s="349">
        <v>102.8</v>
      </c>
      <c r="J39" s="349">
        <v>-5.9</v>
      </c>
      <c r="K39" s="349">
        <v>76.099999999999994</v>
      </c>
      <c r="L39" s="349">
        <v>-30.6</v>
      </c>
      <c r="M39" s="349">
        <v>122.5</v>
      </c>
      <c r="N39" s="349">
        <v>-3.2</v>
      </c>
      <c r="O39" s="349">
        <v>78.8</v>
      </c>
      <c r="P39" s="349">
        <v>-31.5</v>
      </c>
      <c r="Q39" s="349">
        <v>124.6</v>
      </c>
      <c r="R39" s="349">
        <v>-3.8</v>
      </c>
      <c r="S39" s="349">
        <v>113.4</v>
      </c>
      <c r="T39" s="349">
        <v>24.6</v>
      </c>
      <c r="U39" s="349">
        <v>110</v>
      </c>
      <c r="V39" s="349">
        <v>-22.8</v>
      </c>
      <c r="W39" s="349">
        <v>93.5</v>
      </c>
      <c r="X39" s="349">
        <v>-1.2</v>
      </c>
      <c r="Y39" s="349">
        <v>156.80000000000001</v>
      </c>
      <c r="Z39" s="349">
        <v>-21.6</v>
      </c>
      <c r="AA39" s="349">
        <v>86.3</v>
      </c>
      <c r="AB39" s="349">
        <v>10.5</v>
      </c>
      <c r="AC39" s="349">
        <v>190.7</v>
      </c>
      <c r="AD39" s="349">
        <v>20</v>
      </c>
      <c r="AE39" s="349">
        <v>130.9</v>
      </c>
      <c r="AF39" s="349">
        <v>-21.8</v>
      </c>
      <c r="AG39" s="360">
        <v>72</v>
      </c>
      <c r="AH39" s="360">
        <v>-56.7</v>
      </c>
      <c r="AI39" s="349">
        <v>119.6</v>
      </c>
      <c r="AJ39" s="349">
        <v>11.2</v>
      </c>
      <c r="AK39" s="129"/>
    </row>
    <row r="40" spans="1:37" s="326" customFormat="1" ht="15" customHeight="1" x14ac:dyDescent="0.15">
      <c r="A40" s="547"/>
      <c r="B40" s="23">
        <v>30</v>
      </c>
      <c r="C40" s="347" t="s">
        <v>0</v>
      </c>
      <c r="D40" s="348" t="s">
        <v>238</v>
      </c>
      <c r="E40" s="351">
        <v>118.7</v>
      </c>
      <c r="F40" s="352">
        <v>1.6</v>
      </c>
      <c r="G40" s="351">
        <v>97.6</v>
      </c>
      <c r="H40" s="351">
        <v>-4.7</v>
      </c>
      <c r="I40" s="351">
        <v>100</v>
      </c>
      <c r="J40" s="351">
        <v>-3.4</v>
      </c>
      <c r="K40" s="351">
        <v>66.400000000000006</v>
      </c>
      <c r="L40" s="351">
        <v>-30.5</v>
      </c>
      <c r="M40" s="351">
        <v>115.2</v>
      </c>
      <c r="N40" s="351">
        <v>-6</v>
      </c>
      <c r="O40" s="351">
        <v>72.2</v>
      </c>
      <c r="P40" s="351">
        <v>-38.6</v>
      </c>
      <c r="Q40" s="351">
        <v>137.69999999999999</v>
      </c>
      <c r="R40" s="351">
        <v>0</v>
      </c>
      <c r="S40" s="351">
        <v>105.2</v>
      </c>
      <c r="T40" s="351">
        <v>-3.5</v>
      </c>
      <c r="U40" s="351">
        <v>116.3</v>
      </c>
      <c r="V40" s="351">
        <v>-25.6</v>
      </c>
      <c r="W40" s="351">
        <v>80.400000000000006</v>
      </c>
      <c r="X40" s="351">
        <v>-7.5</v>
      </c>
      <c r="Y40" s="351">
        <v>173</v>
      </c>
      <c r="Z40" s="351">
        <v>6.7</v>
      </c>
      <c r="AA40" s="351">
        <v>97.3</v>
      </c>
      <c r="AB40" s="351">
        <v>0</v>
      </c>
      <c r="AC40" s="351">
        <v>271</v>
      </c>
      <c r="AD40" s="351">
        <v>93.3</v>
      </c>
      <c r="AE40" s="351">
        <v>136.4</v>
      </c>
      <c r="AF40" s="351">
        <v>-15.7</v>
      </c>
      <c r="AG40" s="361">
        <v>65.400000000000006</v>
      </c>
      <c r="AH40" s="361">
        <v>-38.6</v>
      </c>
      <c r="AI40" s="351">
        <v>125</v>
      </c>
      <c r="AJ40" s="351">
        <v>40.299999999999997</v>
      </c>
      <c r="AK40" s="129"/>
    </row>
    <row r="41" spans="1:37" s="326" customFormat="1" ht="15" customHeight="1" x14ac:dyDescent="0.15">
      <c r="A41" s="547"/>
      <c r="B41" s="597" t="s">
        <v>209</v>
      </c>
      <c r="C41" s="347" t="s">
        <v>0</v>
      </c>
      <c r="D41" s="348" t="s">
        <v>239</v>
      </c>
      <c r="E41" s="349">
        <v>111.2</v>
      </c>
      <c r="F41" s="350">
        <v>-8.5</v>
      </c>
      <c r="G41" s="349">
        <v>83.3</v>
      </c>
      <c r="H41" s="349">
        <v>-5.3</v>
      </c>
      <c r="I41" s="349">
        <v>96.5</v>
      </c>
      <c r="J41" s="349">
        <v>2.2000000000000002</v>
      </c>
      <c r="K41" s="349">
        <v>67.900000000000006</v>
      </c>
      <c r="L41" s="349">
        <v>-31.1</v>
      </c>
      <c r="M41" s="349">
        <v>106</v>
      </c>
      <c r="N41" s="349">
        <v>-8.5</v>
      </c>
      <c r="O41" s="349">
        <v>68.400000000000006</v>
      </c>
      <c r="P41" s="349">
        <v>-40.6</v>
      </c>
      <c r="Q41" s="349">
        <v>123</v>
      </c>
      <c r="R41" s="349">
        <v>2.8</v>
      </c>
      <c r="S41" s="349">
        <v>120.9</v>
      </c>
      <c r="T41" s="349">
        <v>20.100000000000001</v>
      </c>
      <c r="U41" s="349">
        <v>106.3</v>
      </c>
      <c r="V41" s="349">
        <v>-18.2</v>
      </c>
      <c r="W41" s="349">
        <v>77.400000000000006</v>
      </c>
      <c r="X41" s="349">
        <v>-8.4</v>
      </c>
      <c r="Y41" s="349">
        <v>173</v>
      </c>
      <c r="Z41" s="349">
        <v>-9.8000000000000007</v>
      </c>
      <c r="AA41" s="349">
        <v>105.5</v>
      </c>
      <c r="AB41" s="349">
        <v>22.2</v>
      </c>
      <c r="AC41" s="349">
        <v>257.89999999999998</v>
      </c>
      <c r="AD41" s="349">
        <v>40.1</v>
      </c>
      <c r="AE41" s="349">
        <v>127.3</v>
      </c>
      <c r="AF41" s="349">
        <v>-44</v>
      </c>
      <c r="AG41" s="360">
        <v>77.599999999999994</v>
      </c>
      <c r="AH41" s="360">
        <v>-43.1</v>
      </c>
      <c r="AI41" s="349">
        <v>106.5</v>
      </c>
      <c r="AJ41" s="349">
        <v>11.3</v>
      </c>
      <c r="AK41" s="129"/>
    </row>
    <row r="42" spans="1:37" s="326" customFormat="1" ht="15" customHeight="1" x14ac:dyDescent="0.15">
      <c r="A42" s="547"/>
      <c r="B42" s="597"/>
      <c r="C42" s="347" t="s">
        <v>0</v>
      </c>
      <c r="D42" s="348" t="s">
        <v>240</v>
      </c>
      <c r="E42" s="351">
        <v>113.1</v>
      </c>
      <c r="F42" s="352">
        <v>-0.8</v>
      </c>
      <c r="G42" s="351">
        <v>90</v>
      </c>
      <c r="H42" s="351">
        <v>1.7</v>
      </c>
      <c r="I42" s="351">
        <v>101.4</v>
      </c>
      <c r="J42" s="351">
        <v>0.7</v>
      </c>
      <c r="K42" s="351">
        <v>86.6</v>
      </c>
      <c r="L42" s="351">
        <v>-4.0999999999999996</v>
      </c>
      <c r="M42" s="351">
        <v>106.6</v>
      </c>
      <c r="N42" s="351">
        <v>0</v>
      </c>
      <c r="O42" s="351">
        <v>68.400000000000006</v>
      </c>
      <c r="P42" s="351">
        <v>-38</v>
      </c>
      <c r="Q42" s="351">
        <v>118</v>
      </c>
      <c r="R42" s="351">
        <v>1.4</v>
      </c>
      <c r="S42" s="351">
        <v>96.3</v>
      </c>
      <c r="T42" s="351">
        <v>-3</v>
      </c>
      <c r="U42" s="351">
        <v>108.8</v>
      </c>
      <c r="V42" s="351">
        <v>-7.4</v>
      </c>
      <c r="W42" s="351">
        <v>81.5</v>
      </c>
      <c r="X42" s="351">
        <v>-6.2</v>
      </c>
      <c r="Y42" s="351">
        <v>183.8</v>
      </c>
      <c r="Z42" s="351">
        <v>3</v>
      </c>
      <c r="AA42" s="351">
        <v>93.2</v>
      </c>
      <c r="AB42" s="351">
        <v>9.8000000000000007</v>
      </c>
      <c r="AC42" s="351">
        <v>245.8</v>
      </c>
      <c r="AD42" s="351">
        <v>61.4</v>
      </c>
      <c r="AE42" s="351">
        <v>134.5</v>
      </c>
      <c r="AF42" s="351">
        <v>-18.7</v>
      </c>
      <c r="AG42" s="361">
        <v>72.900000000000006</v>
      </c>
      <c r="AH42" s="361">
        <v>-28.5</v>
      </c>
      <c r="AI42" s="351">
        <v>107.6</v>
      </c>
      <c r="AJ42" s="351">
        <v>1</v>
      </c>
      <c r="AK42" s="129"/>
    </row>
    <row r="43" spans="1:37" s="326" customFormat="1" ht="15" customHeight="1" x14ac:dyDescent="0.15">
      <c r="A43" s="547"/>
      <c r="B43" s="597"/>
      <c r="C43" s="347" t="s">
        <v>0</v>
      </c>
      <c r="D43" s="348" t="s">
        <v>241</v>
      </c>
      <c r="E43" s="349">
        <v>111.2</v>
      </c>
      <c r="F43" s="350">
        <v>-2.5</v>
      </c>
      <c r="G43" s="349">
        <v>96.7</v>
      </c>
      <c r="H43" s="349">
        <v>1</v>
      </c>
      <c r="I43" s="349">
        <v>103.5</v>
      </c>
      <c r="J43" s="349">
        <v>-4.5999999999999996</v>
      </c>
      <c r="K43" s="349">
        <v>88.1</v>
      </c>
      <c r="L43" s="349">
        <v>-2.4</v>
      </c>
      <c r="M43" s="349">
        <v>113.9</v>
      </c>
      <c r="N43" s="349">
        <v>0</v>
      </c>
      <c r="O43" s="349">
        <v>73.099999999999994</v>
      </c>
      <c r="P43" s="349">
        <v>-30.2</v>
      </c>
      <c r="Q43" s="349">
        <v>127.9</v>
      </c>
      <c r="R43" s="349">
        <v>6.9</v>
      </c>
      <c r="S43" s="349">
        <v>96.3</v>
      </c>
      <c r="T43" s="349">
        <v>4.9000000000000004</v>
      </c>
      <c r="U43" s="349">
        <v>146.30000000000001</v>
      </c>
      <c r="V43" s="349">
        <v>18.2</v>
      </c>
      <c r="W43" s="349">
        <v>88.7</v>
      </c>
      <c r="X43" s="349">
        <v>-0.7</v>
      </c>
      <c r="Y43" s="349">
        <v>151.4</v>
      </c>
      <c r="Z43" s="349">
        <v>-12.5</v>
      </c>
      <c r="AA43" s="349">
        <v>102.7</v>
      </c>
      <c r="AB43" s="349">
        <v>21</v>
      </c>
      <c r="AC43" s="349">
        <v>194.4</v>
      </c>
      <c r="AD43" s="349">
        <v>46.5</v>
      </c>
      <c r="AE43" s="349">
        <v>110.9</v>
      </c>
      <c r="AF43" s="349">
        <v>-29.1</v>
      </c>
      <c r="AG43" s="360">
        <v>80.400000000000006</v>
      </c>
      <c r="AH43" s="360">
        <v>-28.9</v>
      </c>
      <c r="AI43" s="349">
        <v>115.2</v>
      </c>
      <c r="AJ43" s="349">
        <v>13.9</v>
      </c>
      <c r="AK43" s="129"/>
    </row>
    <row r="44" spans="1:37" s="326" customFormat="1" ht="15" customHeight="1" x14ac:dyDescent="0.15">
      <c r="A44" s="547"/>
      <c r="B44" s="365"/>
      <c r="C44" s="347" t="s">
        <v>0</v>
      </c>
      <c r="D44" s="348" t="s">
        <v>242</v>
      </c>
      <c r="E44" s="351">
        <v>95.3</v>
      </c>
      <c r="F44" s="352">
        <v>-9</v>
      </c>
      <c r="G44" s="351">
        <v>83.7</v>
      </c>
      <c r="H44" s="351">
        <v>-12.1</v>
      </c>
      <c r="I44" s="351">
        <v>95.8</v>
      </c>
      <c r="J44" s="351">
        <v>-4.9000000000000004</v>
      </c>
      <c r="K44" s="351">
        <v>75.400000000000006</v>
      </c>
      <c r="L44" s="351">
        <v>-25.7</v>
      </c>
      <c r="M44" s="351">
        <v>109.9</v>
      </c>
      <c r="N44" s="351">
        <v>1.9</v>
      </c>
      <c r="O44" s="351">
        <v>59.9</v>
      </c>
      <c r="P44" s="351">
        <v>-42.8</v>
      </c>
      <c r="Q44" s="351">
        <v>127.9</v>
      </c>
      <c r="R44" s="351">
        <v>6.9</v>
      </c>
      <c r="S44" s="351">
        <v>88.1</v>
      </c>
      <c r="T44" s="351">
        <v>-0.8</v>
      </c>
      <c r="U44" s="351">
        <v>103.8</v>
      </c>
      <c r="V44" s="351">
        <v>-4.5999999999999996</v>
      </c>
      <c r="W44" s="351">
        <v>74.400000000000006</v>
      </c>
      <c r="X44" s="351">
        <v>-6.1</v>
      </c>
      <c r="Y44" s="351">
        <v>183.8</v>
      </c>
      <c r="Z44" s="351">
        <v>4.5999999999999996</v>
      </c>
      <c r="AA44" s="351">
        <v>123.3</v>
      </c>
      <c r="AB44" s="351">
        <v>4.7</v>
      </c>
      <c r="AC44" s="351">
        <v>94.4</v>
      </c>
      <c r="AD44" s="351">
        <v>71.3</v>
      </c>
      <c r="AE44" s="351">
        <v>105.5</v>
      </c>
      <c r="AF44" s="351">
        <v>-34.799999999999997</v>
      </c>
      <c r="AG44" s="361">
        <v>65.400000000000006</v>
      </c>
      <c r="AH44" s="361">
        <v>-23.1</v>
      </c>
      <c r="AI44" s="351">
        <v>100</v>
      </c>
      <c r="AJ44" s="351">
        <v>3.4</v>
      </c>
      <c r="AK44" s="129"/>
    </row>
    <row r="45" spans="1:37" s="326" customFormat="1" ht="15" customHeight="1" x14ac:dyDescent="0.15">
      <c r="A45" s="547"/>
      <c r="B45" s="365"/>
      <c r="C45" s="347" t="s">
        <v>0</v>
      </c>
      <c r="D45" s="348" t="s">
        <v>243</v>
      </c>
      <c r="E45" s="349">
        <v>112.1</v>
      </c>
      <c r="F45" s="350">
        <v>-0.9</v>
      </c>
      <c r="G45" s="349">
        <v>93.3</v>
      </c>
      <c r="H45" s="349">
        <v>2.1</v>
      </c>
      <c r="I45" s="349">
        <v>98.6</v>
      </c>
      <c r="J45" s="349">
        <v>-9.1</v>
      </c>
      <c r="K45" s="349">
        <v>73.900000000000006</v>
      </c>
      <c r="L45" s="349">
        <v>-18.2</v>
      </c>
      <c r="M45" s="349">
        <v>108.6</v>
      </c>
      <c r="N45" s="349">
        <v>-4.0999999999999996</v>
      </c>
      <c r="O45" s="349">
        <v>66.5</v>
      </c>
      <c r="P45" s="349">
        <v>-39</v>
      </c>
      <c r="Q45" s="349">
        <v>124.6</v>
      </c>
      <c r="R45" s="349">
        <v>15.2</v>
      </c>
      <c r="S45" s="349">
        <v>94.8</v>
      </c>
      <c r="T45" s="349">
        <v>18.600000000000001</v>
      </c>
      <c r="U45" s="349">
        <v>112.5</v>
      </c>
      <c r="V45" s="349">
        <v>-5.3</v>
      </c>
      <c r="W45" s="349">
        <v>89.9</v>
      </c>
      <c r="X45" s="349">
        <v>2.7</v>
      </c>
      <c r="Y45" s="349">
        <v>202.7</v>
      </c>
      <c r="Z45" s="349">
        <v>19</v>
      </c>
      <c r="AA45" s="349">
        <v>109.6</v>
      </c>
      <c r="AB45" s="349">
        <v>23.1</v>
      </c>
      <c r="AC45" s="349">
        <v>235.5</v>
      </c>
      <c r="AD45" s="349">
        <v>86.6</v>
      </c>
      <c r="AE45" s="349">
        <v>109.1</v>
      </c>
      <c r="AF45" s="349">
        <v>-35.5</v>
      </c>
      <c r="AG45" s="360">
        <v>68.2</v>
      </c>
      <c r="AH45" s="360">
        <v>-8.8000000000000007</v>
      </c>
      <c r="AI45" s="349">
        <v>120.7</v>
      </c>
      <c r="AJ45" s="349">
        <v>18.100000000000001</v>
      </c>
      <c r="AK45" s="129"/>
    </row>
    <row r="46" spans="1:37" s="326" customFormat="1" ht="15" customHeight="1" x14ac:dyDescent="0.15">
      <c r="A46" s="547"/>
      <c r="B46" s="365"/>
      <c r="C46" s="347" t="s">
        <v>0</v>
      </c>
      <c r="D46" s="348" t="s">
        <v>244</v>
      </c>
      <c r="E46" s="351">
        <v>120.6</v>
      </c>
      <c r="F46" s="352">
        <v>4.0999999999999996</v>
      </c>
      <c r="G46" s="351">
        <v>107.7</v>
      </c>
      <c r="H46" s="351">
        <v>9.1999999999999993</v>
      </c>
      <c r="I46" s="351">
        <v>107.7</v>
      </c>
      <c r="J46" s="351">
        <v>1.3</v>
      </c>
      <c r="K46" s="351">
        <v>70.099999999999994</v>
      </c>
      <c r="L46" s="351">
        <v>-24.2</v>
      </c>
      <c r="M46" s="351">
        <v>119.9</v>
      </c>
      <c r="N46" s="351">
        <v>0</v>
      </c>
      <c r="O46" s="351">
        <v>73.599999999999994</v>
      </c>
      <c r="P46" s="351">
        <v>-30.4</v>
      </c>
      <c r="Q46" s="351">
        <v>150.80000000000001</v>
      </c>
      <c r="R46" s="351">
        <v>19.5</v>
      </c>
      <c r="S46" s="351">
        <v>107.5</v>
      </c>
      <c r="T46" s="351">
        <v>13.4</v>
      </c>
      <c r="U46" s="351">
        <v>107.5</v>
      </c>
      <c r="V46" s="351">
        <v>-8.5</v>
      </c>
      <c r="W46" s="351">
        <v>89.9</v>
      </c>
      <c r="X46" s="351">
        <v>0</v>
      </c>
      <c r="Y46" s="351">
        <v>175.7</v>
      </c>
      <c r="Z46" s="351">
        <v>3.2</v>
      </c>
      <c r="AA46" s="351">
        <v>97.3</v>
      </c>
      <c r="AB46" s="351">
        <v>-4</v>
      </c>
      <c r="AC46" s="351">
        <v>246.7</v>
      </c>
      <c r="AD46" s="351">
        <v>44.3</v>
      </c>
      <c r="AE46" s="351">
        <v>118.2</v>
      </c>
      <c r="AF46" s="351">
        <v>-15.6</v>
      </c>
      <c r="AG46" s="361">
        <v>65.400000000000006</v>
      </c>
      <c r="AH46" s="361">
        <v>-37.5</v>
      </c>
      <c r="AI46" s="351">
        <v>117.4</v>
      </c>
      <c r="AJ46" s="351">
        <v>12.6</v>
      </c>
      <c r="AK46" s="129"/>
    </row>
    <row r="47" spans="1:37" s="326" customFormat="1" ht="14.25" customHeight="1" x14ac:dyDescent="0.15">
      <c r="A47" s="547"/>
      <c r="B47" s="365"/>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29"/>
    </row>
    <row r="48" spans="1:37" s="326" customFormat="1" ht="14.25" customHeight="1" x14ac:dyDescent="0.15">
      <c r="A48" s="547"/>
      <c r="B48" s="365"/>
      <c r="C48" s="347" t="s">
        <v>234</v>
      </c>
      <c r="D48" s="348" t="s">
        <v>232</v>
      </c>
      <c r="E48" s="349">
        <v>118.7</v>
      </c>
      <c r="F48" s="350">
        <v>-1.6</v>
      </c>
      <c r="G48" s="349">
        <v>103.3</v>
      </c>
      <c r="H48" s="349">
        <v>10.7</v>
      </c>
      <c r="I48" s="349">
        <v>109.2</v>
      </c>
      <c r="J48" s="349">
        <v>-5.5</v>
      </c>
      <c r="K48" s="349">
        <v>70.900000000000006</v>
      </c>
      <c r="L48" s="349">
        <v>-21.5</v>
      </c>
      <c r="M48" s="349">
        <v>119.9</v>
      </c>
      <c r="N48" s="349">
        <v>1.7</v>
      </c>
      <c r="O48" s="349">
        <v>74.099999999999994</v>
      </c>
      <c r="P48" s="349">
        <v>-34.299999999999997</v>
      </c>
      <c r="Q48" s="349">
        <v>142.6</v>
      </c>
      <c r="R48" s="349">
        <v>22.5</v>
      </c>
      <c r="S48" s="349">
        <v>105.2</v>
      </c>
      <c r="T48" s="349">
        <v>11.9</v>
      </c>
      <c r="U48" s="349">
        <v>120</v>
      </c>
      <c r="V48" s="349">
        <v>5.4</v>
      </c>
      <c r="W48" s="349">
        <v>92.3</v>
      </c>
      <c r="X48" s="349">
        <v>2.7</v>
      </c>
      <c r="Y48" s="349">
        <v>200</v>
      </c>
      <c r="Z48" s="349">
        <v>13.8</v>
      </c>
      <c r="AA48" s="349">
        <v>112.3</v>
      </c>
      <c r="AB48" s="349">
        <v>2.5</v>
      </c>
      <c r="AC48" s="349">
        <v>209.3</v>
      </c>
      <c r="AD48" s="349">
        <v>21.7</v>
      </c>
      <c r="AE48" s="349">
        <v>121.8</v>
      </c>
      <c r="AF48" s="349">
        <v>-23.9</v>
      </c>
      <c r="AG48" s="349">
        <v>62.6</v>
      </c>
      <c r="AH48" s="360">
        <v>-36.799999999999997</v>
      </c>
      <c r="AI48" s="349">
        <v>121.7</v>
      </c>
      <c r="AJ48" s="349">
        <v>14.3</v>
      </c>
      <c r="AK48" s="129"/>
    </row>
    <row r="49" spans="1:36" ht="11.25" customHeight="1" thickBot="1" x14ac:dyDescent="0.2">
      <c r="A49" s="547"/>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7"/>
      <c r="C50" s="598" t="s">
        <v>210</v>
      </c>
      <c r="D50" s="599"/>
      <c r="E50" s="599"/>
      <c r="F50" s="599"/>
      <c r="G50" s="599"/>
      <c r="H50" s="599"/>
      <c r="I50" s="599"/>
      <c r="J50" s="599"/>
      <c r="K50" s="599"/>
      <c r="L50" s="599"/>
      <c r="M50" s="600"/>
      <c r="N50" s="600"/>
      <c r="O50" s="600"/>
      <c r="P50" s="600"/>
      <c r="Q50" s="600"/>
      <c r="R50" s="600"/>
      <c r="S50" s="600"/>
      <c r="T50" s="600"/>
      <c r="U50" s="600"/>
      <c r="V50" s="600"/>
      <c r="W50" s="600"/>
      <c r="X50" s="600"/>
      <c r="Y50" s="600"/>
      <c r="Z50" s="600"/>
      <c r="AA50" s="600"/>
      <c r="AB50" s="600"/>
      <c r="AC50" s="600"/>
      <c r="AD50" s="600"/>
      <c r="AE50" s="600"/>
      <c r="AF50" s="600"/>
    </row>
  </sheetData>
  <protectedRanges>
    <protectedRange sqref="AI26:AJ26" name="範囲1_1_3_1"/>
    <protectedRange sqref="AI47:AJ47" name="範囲1_1_3_2"/>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6521BF9-2F30-4DB1-99AD-C13281E798F8}">
  <sheetPr codeName="Sheet23">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38" customWidth="1"/>
    <col min="3" max="3" width="6.625" style="38" customWidth="1"/>
    <col min="4" max="4" width="3.875" style="38" customWidth="1"/>
    <col min="5" max="33" width="4.875" style="38" customWidth="1"/>
    <col min="34" max="34" width="5.125" style="38" bestFit="1" customWidth="1"/>
    <col min="35" max="36" width="4.875" style="38" customWidth="1"/>
    <col min="37" max="37" width="9" style="38"/>
  </cols>
  <sheetData>
    <row r="1" spans="1:37" ht="18.75" customHeight="1" x14ac:dyDescent="0.15">
      <c r="A1" s="547" t="s">
        <v>225</v>
      </c>
      <c r="B1" s="456" t="s">
        <v>226</v>
      </c>
      <c r="C1"/>
      <c r="D1" s="452"/>
      <c r="E1" s="452"/>
      <c r="F1" s="452"/>
      <c r="G1" s="452"/>
      <c r="H1" s="452"/>
      <c r="I1" s="452"/>
      <c r="J1" s="452"/>
      <c r="K1" s="452"/>
      <c r="L1" s="452"/>
      <c r="M1" s="323"/>
      <c r="N1" s="323"/>
      <c r="O1" s="323"/>
      <c r="P1" s="323"/>
      <c r="Q1" s="323"/>
      <c r="R1" s="323"/>
      <c r="S1" s="323"/>
      <c r="T1" s="323"/>
      <c r="U1" s="323"/>
      <c r="V1" s="323"/>
      <c r="W1" s="323"/>
      <c r="X1" s="323"/>
      <c r="Y1" s="323"/>
      <c r="Z1" s="323"/>
      <c r="AA1" s="323"/>
      <c r="AB1" s="323"/>
      <c r="AC1" s="323"/>
      <c r="AD1" s="323"/>
      <c r="AE1" s="323"/>
      <c r="AF1" s="549" t="s">
        <v>213</v>
      </c>
      <c r="AG1" s="549"/>
      <c r="AH1" s="549"/>
      <c r="AI1" s="549"/>
      <c r="AJ1" s="549"/>
    </row>
    <row r="2" spans="1:37" s="326" customFormat="1" ht="3.75" customHeight="1" thickBot="1" x14ac:dyDescent="0.2">
      <c r="A2" s="547"/>
      <c r="B2" s="128"/>
      <c r="C2" s="130"/>
      <c r="D2" s="130"/>
      <c r="E2" s="130"/>
      <c r="F2" s="130"/>
      <c r="G2" s="316"/>
      <c r="H2" s="586"/>
      <c r="I2" s="586"/>
      <c r="J2" s="586"/>
      <c r="K2" s="586"/>
      <c r="L2" s="586"/>
      <c r="M2" s="130"/>
      <c r="N2" s="130"/>
      <c r="O2" s="130"/>
      <c r="P2" s="586"/>
      <c r="Q2" s="586"/>
      <c r="R2" s="586"/>
      <c r="S2" s="586"/>
      <c r="T2" s="586"/>
      <c r="U2" s="130"/>
      <c r="V2" s="130"/>
      <c r="W2" s="130"/>
      <c r="X2" s="130"/>
      <c r="Y2" s="130"/>
      <c r="Z2" s="129"/>
      <c r="AA2" s="129"/>
      <c r="AB2" s="129"/>
      <c r="AC2" s="129"/>
      <c r="AD2" s="129"/>
      <c r="AE2" s="129"/>
      <c r="AF2" s="325"/>
      <c r="AG2" s="325"/>
      <c r="AH2" s="325"/>
      <c r="AI2" s="325"/>
      <c r="AJ2" s="325"/>
      <c r="AK2" s="129"/>
    </row>
    <row r="3" spans="1:37" s="326" customFormat="1" ht="6" customHeight="1" x14ac:dyDescent="0.15">
      <c r="A3" s="547"/>
      <c r="B3" s="327"/>
      <c r="C3" s="601"/>
      <c r="D3" s="602"/>
      <c r="E3" s="328"/>
      <c r="F3" s="329"/>
      <c r="G3" s="330"/>
      <c r="H3" s="331"/>
      <c r="I3" s="328"/>
      <c r="J3" s="331"/>
      <c r="K3" s="328"/>
      <c r="L3" s="331"/>
      <c r="M3" s="328"/>
      <c r="N3" s="331"/>
      <c r="O3" s="328"/>
      <c r="P3" s="331"/>
      <c r="Q3" s="328"/>
      <c r="R3" s="331"/>
      <c r="S3" s="328"/>
      <c r="T3" s="330"/>
      <c r="U3" s="328"/>
      <c r="V3" s="331"/>
      <c r="W3" s="328"/>
      <c r="X3" s="331"/>
      <c r="Y3" s="328"/>
      <c r="Z3" s="331"/>
      <c r="AA3" s="328"/>
      <c r="AB3" s="331"/>
      <c r="AC3" s="328"/>
      <c r="AD3" s="330"/>
      <c r="AE3" s="328"/>
      <c r="AF3" s="331"/>
      <c r="AG3" s="328"/>
      <c r="AH3" s="331"/>
      <c r="AI3" s="328"/>
      <c r="AJ3" s="330"/>
      <c r="AK3" s="129"/>
    </row>
    <row r="4" spans="1:37" s="326" customFormat="1" ht="12" customHeight="1" x14ac:dyDescent="0.15">
      <c r="A4" s="547"/>
      <c r="B4" s="128"/>
      <c r="C4" s="603"/>
      <c r="D4" s="604"/>
      <c r="E4" s="588" t="s">
        <v>90</v>
      </c>
      <c r="F4" s="607"/>
      <c r="G4" s="608" t="s">
        <v>1</v>
      </c>
      <c r="H4" s="589"/>
      <c r="I4" s="588" t="s">
        <v>2</v>
      </c>
      <c r="J4" s="589"/>
      <c r="K4" s="588" t="s">
        <v>183</v>
      </c>
      <c r="L4" s="589"/>
      <c r="M4" s="588" t="s">
        <v>184</v>
      </c>
      <c r="N4" s="590"/>
      <c r="O4" s="588" t="s">
        <v>185</v>
      </c>
      <c r="P4" s="590"/>
      <c r="Q4" s="588" t="s">
        <v>186</v>
      </c>
      <c r="R4" s="590"/>
      <c r="S4" s="588" t="s">
        <v>187</v>
      </c>
      <c r="T4" s="590"/>
      <c r="U4" s="588" t="s">
        <v>188</v>
      </c>
      <c r="V4" s="590"/>
      <c r="W4" s="591" t="s">
        <v>189</v>
      </c>
      <c r="X4" s="592"/>
      <c r="Y4" s="588" t="s">
        <v>190</v>
      </c>
      <c r="Z4" s="593"/>
      <c r="AA4" s="591" t="s">
        <v>191</v>
      </c>
      <c r="AB4" s="592"/>
      <c r="AC4" s="588" t="s">
        <v>192</v>
      </c>
      <c r="AD4" s="593"/>
      <c r="AE4" s="588" t="s">
        <v>193</v>
      </c>
      <c r="AF4" s="593"/>
      <c r="AG4" s="588" t="s">
        <v>194</v>
      </c>
      <c r="AH4" s="593"/>
      <c r="AI4" s="588" t="s">
        <v>195</v>
      </c>
      <c r="AJ4" s="609"/>
      <c r="AK4" s="129"/>
    </row>
    <row r="5" spans="1:37" s="326" customFormat="1" ht="12" customHeight="1" x14ac:dyDescent="0.15">
      <c r="A5" s="547"/>
      <c r="B5" s="128"/>
      <c r="C5" s="603"/>
      <c r="D5" s="604"/>
      <c r="E5" s="332"/>
      <c r="F5" s="333"/>
      <c r="G5" s="334"/>
      <c r="H5" s="335"/>
      <c r="I5" s="332"/>
      <c r="J5" s="335"/>
      <c r="K5" s="591" t="s">
        <v>196</v>
      </c>
      <c r="L5" s="592"/>
      <c r="M5" s="610"/>
      <c r="N5" s="590"/>
      <c r="O5" s="611" t="s">
        <v>197</v>
      </c>
      <c r="P5" s="590"/>
      <c r="Q5" s="588" t="s">
        <v>198</v>
      </c>
      <c r="R5" s="590"/>
      <c r="S5" s="588" t="s">
        <v>199</v>
      </c>
      <c r="T5" s="590"/>
      <c r="U5" s="588" t="s">
        <v>200</v>
      </c>
      <c r="V5" s="590"/>
      <c r="W5" s="591" t="s">
        <v>201</v>
      </c>
      <c r="X5" s="592"/>
      <c r="Y5" s="591" t="s">
        <v>202</v>
      </c>
      <c r="Z5" s="592"/>
      <c r="AA5" s="588" t="s">
        <v>203</v>
      </c>
      <c r="AB5" s="590"/>
      <c r="AC5" s="588" t="s">
        <v>204</v>
      </c>
      <c r="AD5" s="593"/>
      <c r="AE5" s="588"/>
      <c r="AF5" s="590"/>
      <c r="AG5" s="588" t="s">
        <v>205</v>
      </c>
      <c r="AH5" s="590"/>
      <c r="AI5" s="588"/>
      <c r="AJ5" s="614"/>
      <c r="AK5" s="129"/>
    </row>
    <row r="6" spans="1:37" s="337" customFormat="1" ht="15" customHeight="1" x14ac:dyDescent="0.15">
      <c r="A6" s="547"/>
      <c r="B6" s="336"/>
      <c r="C6" s="603"/>
      <c r="D6" s="604"/>
      <c r="E6" s="612" t="s">
        <v>206</v>
      </c>
      <c r="F6" s="615"/>
      <c r="G6" s="616" t="s">
        <v>206</v>
      </c>
      <c r="H6" s="613"/>
      <c r="I6" s="612" t="s">
        <v>206</v>
      </c>
      <c r="J6" s="613"/>
      <c r="K6" s="612" t="s">
        <v>206</v>
      </c>
      <c r="L6" s="613"/>
      <c r="M6" s="612" t="s">
        <v>206</v>
      </c>
      <c r="N6" s="613"/>
      <c r="O6" s="612" t="s">
        <v>206</v>
      </c>
      <c r="P6" s="613"/>
      <c r="Q6" s="612" t="s">
        <v>206</v>
      </c>
      <c r="R6" s="613"/>
      <c r="S6" s="612" t="s">
        <v>206</v>
      </c>
      <c r="T6" s="613"/>
      <c r="U6" s="612" t="s">
        <v>206</v>
      </c>
      <c r="V6" s="613"/>
      <c r="W6" s="612" t="s">
        <v>206</v>
      </c>
      <c r="X6" s="613"/>
      <c r="Y6" s="612" t="s">
        <v>206</v>
      </c>
      <c r="Z6" s="613"/>
      <c r="AA6" s="612" t="s">
        <v>206</v>
      </c>
      <c r="AB6" s="613"/>
      <c r="AC6" s="612" t="s">
        <v>206</v>
      </c>
      <c r="AD6" s="613"/>
      <c r="AE6" s="612" t="s">
        <v>206</v>
      </c>
      <c r="AF6" s="613"/>
      <c r="AG6" s="612" t="s">
        <v>206</v>
      </c>
      <c r="AH6" s="613"/>
      <c r="AI6" s="612" t="s">
        <v>206</v>
      </c>
      <c r="AJ6" s="616"/>
      <c r="AK6" s="130"/>
    </row>
    <row r="7" spans="1:37" s="326" customFormat="1" ht="7.5" customHeight="1" x14ac:dyDescent="0.15">
      <c r="A7" s="547"/>
      <c r="B7" s="338"/>
      <c r="C7" s="605"/>
      <c r="D7" s="606"/>
      <c r="E7" s="339"/>
      <c r="F7" s="340" t="s">
        <v>165</v>
      </c>
      <c r="G7" s="341"/>
      <c r="H7" s="342" t="s">
        <v>165</v>
      </c>
      <c r="I7" s="339"/>
      <c r="J7" s="342" t="s">
        <v>165</v>
      </c>
      <c r="K7" s="339"/>
      <c r="L7" s="342" t="s">
        <v>165</v>
      </c>
      <c r="M7" s="339"/>
      <c r="N7" s="342" t="s">
        <v>165</v>
      </c>
      <c r="O7" s="339"/>
      <c r="P7" s="342" t="s">
        <v>165</v>
      </c>
      <c r="Q7" s="339"/>
      <c r="R7" s="342" t="s">
        <v>165</v>
      </c>
      <c r="S7" s="339"/>
      <c r="T7" s="342" t="s">
        <v>165</v>
      </c>
      <c r="U7" s="339"/>
      <c r="V7" s="342" t="s">
        <v>165</v>
      </c>
      <c r="W7" s="339"/>
      <c r="X7" s="342" t="s">
        <v>165</v>
      </c>
      <c r="Y7" s="339"/>
      <c r="Z7" s="342" t="s">
        <v>165</v>
      </c>
      <c r="AA7" s="339"/>
      <c r="AB7" s="342" t="s">
        <v>165</v>
      </c>
      <c r="AC7" s="339"/>
      <c r="AD7" s="342" t="s">
        <v>165</v>
      </c>
      <c r="AE7" s="339"/>
      <c r="AF7" s="342" t="s">
        <v>165</v>
      </c>
      <c r="AG7" s="339"/>
      <c r="AH7" s="342" t="s">
        <v>165</v>
      </c>
      <c r="AI7" s="339"/>
      <c r="AJ7" s="262" t="s">
        <v>165</v>
      </c>
      <c r="AK7" s="129"/>
    </row>
    <row r="8" spans="1:37" s="326" customFormat="1" ht="11.25" customHeight="1" x14ac:dyDescent="0.15">
      <c r="A8" s="547"/>
      <c r="B8" s="594" t="s">
        <v>207</v>
      </c>
      <c r="C8" s="343"/>
      <c r="D8" s="430"/>
      <c r="E8" s="266"/>
      <c r="F8" s="267"/>
      <c r="G8" s="266"/>
      <c r="H8" s="266"/>
      <c r="I8" s="266"/>
      <c r="J8" s="266"/>
      <c r="K8" s="266"/>
      <c r="L8" s="266"/>
      <c r="M8" s="266"/>
      <c r="N8" s="266"/>
      <c r="O8" s="266"/>
      <c r="P8" s="266"/>
      <c r="Q8" s="266"/>
      <c r="R8" s="266"/>
      <c r="S8" s="266"/>
      <c r="T8" s="266"/>
      <c r="U8" s="266"/>
      <c r="V8" s="266"/>
      <c r="W8" s="266"/>
      <c r="X8" s="266"/>
      <c r="Y8" s="266"/>
      <c r="Z8" s="266"/>
      <c r="AA8" s="266"/>
      <c r="AB8" s="266"/>
      <c r="AC8" s="266"/>
      <c r="AD8" s="266"/>
      <c r="AE8" s="266"/>
      <c r="AF8" s="266"/>
      <c r="AG8" s="266"/>
      <c r="AH8" s="266"/>
      <c r="AI8" s="266"/>
      <c r="AJ8" s="266"/>
      <c r="AK8" s="129"/>
    </row>
    <row r="9" spans="1:37" s="326" customFormat="1" ht="14.25" customHeight="1" x14ac:dyDescent="0.15">
      <c r="A9" s="547"/>
      <c r="B9" s="595"/>
      <c r="C9" s="347" t="s">
        <v>227</v>
      </c>
      <c r="D9" s="348" t="s">
        <v>228</v>
      </c>
      <c r="E9" s="349">
        <v>99</v>
      </c>
      <c r="F9" s="350">
        <v>-1</v>
      </c>
      <c r="G9" s="349">
        <v>97.1</v>
      </c>
      <c r="H9" s="349">
        <v>-2.9</v>
      </c>
      <c r="I9" s="349">
        <v>98.1</v>
      </c>
      <c r="J9" s="349">
        <v>-1.9</v>
      </c>
      <c r="K9" s="349">
        <v>98.6</v>
      </c>
      <c r="L9" s="349">
        <v>-1.4</v>
      </c>
      <c r="M9" s="349">
        <v>97.2</v>
      </c>
      <c r="N9" s="349">
        <v>-2.8</v>
      </c>
      <c r="O9" s="349">
        <v>98.9</v>
      </c>
      <c r="P9" s="349">
        <v>-1.1000000000000001</v>
      </c>
      <c r="Q9" s="349">
        <v>102</v>
      </c>
      <c r="R9" s="349">
        <v>2</v>
      </c>
      <c r="S9" s="349">
        <v>99.1</v>
      </c>
      <c r="T9" s="349">
        <v>-0.9</v>
      </c>
      <c r="U9" s="349">
        <v>101.1</v>
      </c>
      <c r="V9" s="349">
        <v>1.1000000000000001</v>
      </c>
      <c r="W9" s="349">
        <v>99.3</v>
      </c>
      <c r="X9" s="349">
        <v>-0.7</v>
      </c>
      <c r="Y9" s="349">
        <v>92.7</v>
      </c>
      <c r="Z9" s="349">
        <v>-7.3</v>
      </c>
      <c r="AA9" s="349">
        <v>92.3</v>
      </c>
      <c r="AB9" s="349">
        <v>-7.7</v>
      </c>
      <c r="AC9" s="349">
        <v>102.7</v>
      </c>
      <c r="AD9" s="349">
        <v>2.7</v>
      </c>
      <c r="AE9" s="349">
        <v>99</v>
      </c>
      <c r="AF9" s="349">
        <v>-1</v>
      </c>
      <c r="AG9" s="349">
        <v>96.4</v>
      </c>
      <c r="AH9" s="349">
        <v>-3.6</v>
      </c>
      <c r="AI9" s="349">
        <v>101.1</v>
      </c>
      <c r="AJ9" s="349">
        <v>1.1000000000000001</v>
      </c>
      <c r="AK9" s="129"/>
    </row>
    <row r="10" spans="1:37" s="326" customFormat="1" ht="14.25" customHeight="1" x14ac:dyDescent="0.15">
      <c r="A10" s="547"/>
      <c r="B10" s="595"/>
      <c r="C10" s="347" t="s">
        <v>227</v>
      </c>
      <c r="D10" s="348" t="s">
        <v>229</v>
      </c>
      <c r="E10" s="351">
        <v>100.1</v>
      </c>
      <c r="F10" s="352">
        <v>1.1000000000000001</v>
      </c>
      <c r="G10" s="351">
        <v>101.8</v>
      </c>
      <c r="H10" s="351">
        <v>4.8</v>
      </c>
      <c r="I10" s="351">
        <v>101.4</v>
      </c>
      <c r="J10" s="351">
        <v>3.4</v>
      </c>
      <c r="K10" s="351">
        <v>95.2</v>
      </c>
      <c r="L10" s="351">
        <v>-3.5</v>
      </c>
      <c r="M10" s="351">
        <v>86.9</v>
      </c>
      <c r="N10" s="351">
        <v>-10.6</v>
      </c>
      <c r="O10" s="351">
        <v>94.8</v>
      </c>
      <c r="P10" s="351">
        <v>-4.2</v>
      </c>
      <c r="Q10" s="351">
        <v>101.5</v>
      </c>
      <c r="R10" s="351">
        <v>-0.4</v>
      </c>
      <c r="S10" s="351">
        <v>95.9</v>
      </c>
      <c r="T10" s="351">
        <v>-3.3</v>
      </c>
      <c r="U10" s="351">
        <v>98.9</v>
      </c>
      <c r="V10" s="351">
        <v>-2.2000000000000002</v>
      </c>
      <c r="W10" s="351">
        <v>101.8</v>
      </c>
      <c r="X10" s="351">
        <v>2.5</v>
      </c>
      <c r="Y10" s="351">
        <v>94.3</v>
      </c>
      <c r="Z10" s="351">
        <v>1.7</v>
      </c>
      <c r="AA10" s="351">
        <v>97.7</v>
      </c>
      <c r="AB10" s="351">
        <v>5.9</v>
      </c>
      <c r="AC10" s="351">
        <v>102.1</v>
      </c>
      <c r="AD10" s="351">
        <v>-0.6</v>
      </c>
      <c r="AE10" s="351">
        <v>102.8</v>
      </c>
      <c r="AF10" s="351">
        <v>3.8</v>
      </c>
      <c r="AG10" s="351">
        <v>93.1</v>
      </c>
      <c r="AH10" s="351">
        <v>-3.5</v>
      </c>
      <c r="AI10" s="351">
        <v>102.8</v>
      </c>
      <c r="AJ10" s="351">
        <v>1.6</v>
      </c>
      <c r="AK10" s="129"/>
    </row>
    <row r="11" spans="1:37" s="326" customFormat="1" ht="14.25" customHeight="1" x14ac:dyDescent="0.15">
      <c r="A11" s="547"/>
      <c r="B11" s="595"/>
      <c r="C11" s="347" t="s">
        <v>227</v>
      </c>
      <c r="D11" s="348" t="s">
        <v>230</v>
      </c>
      <c r="E11" s="349">
        <v>100.8</v>
      </c>
      <c r="F11" s="350">
        <v>0.8</v>
      </c>
      <c r="G11" s="349">
        <v>102.5</v>
      </c>
      <c r="H11" s="349">
        <v>0.7</v>
      </c>
      <c r="I11" s="349">
        <v>99.5</v>
      </c>
      <c r="J11" s="349">
        <v>-1.9</v>
      </c>
      <c r="K11" s="349">
        <v>95.7</v>
      </c>
      <c r="L11" s="349">
        <v>0.6</v>
      </c>
      <c r="M11" s="349">
        <v>86.2</v>
      </c>
      <c r="N11" s="349">
        <v>-0.7</v>
      </c>
      <c r="O11" s="349">
        <v>91.4</v>
      </c>
      <c r="P11" s="349">
        <v>-3.6</v>
      </c>
      <c r="Q11" s="349">
        <v>100.9</v>
      </c>
      <c r="R11" s="349">
        <v>-0.7</v>
      </c>
      <c r="S11" s="349">
        <v>87</v>
      </c>
      <c r="T11" s="349">
        <v>-9.1999999999999993</v>
      </c>
      <c r="U11" s="349">
        <v>98.2</v>
      </c>
      <c r="V11" s="349">
        <v>-0.8</v>
      </c>
      <c r="W11" s="349">
        <v>102</v>
      </c>
      <c r="X11" s="349">
        <v>0.2</v>
      </c>
      <c r="Y11" s="349">
        <v>99.8</v>
      </c>
      <c r="Z11" s="349">
        <v>5.8</v>
      </c>
      <c r="AA11" s="349">
        <v>100.3</v>
      </c>
      <c r="AB11" s="349">
        <v>2.5</v>
      </c>
      <c r="AC11" s="349">
        <v>104</v>
      </c>
      <c r="AD11" s="349">
        <v>1.9</v>
      </c>
      <c r="AE11" s="349">
        <v>107.3</v>
      </c>
      <c r="AF11" s="349">
        <v>4.3</v>
      </c>
      <c r="AG11" s="349">
        <v>89.3</v>
      </c>
      <c r="AH11" s="349">
        <v>-4.2</v>
      </c>
      <c r="AI11" s="349">
        <v>103.8</v>
      </c>
      <c r="AJ11" s="349">
        <v>1</v>
      </c>
      <c r="AK11" s="129"/>
    </row>
    <row r="12" spans="1:37" s="326" customFormat="1" ht="14.25" customHeight="1" x14ac:dyDescent="0.15">
      <c r="A12" s="547"/>
      <c r="B12" s="595"/>
      <c r="C12" s="347" t="s">
        <v>227</v>
      </c>
      <c r="D12" s="348" t="s">
        <v>231</v>
      </c>
      <c r="E12" s="351">
        <v>102</v>
      </c>
      <c r="F12" s="352">
        <v>1.2</v>
      </c>
      <c r="G12" s="351">
        <v>105.1</v>
      </c>
      <c r="H12" s="351">
        <v>2.5</v>
      </c>
      <c r="I12" s="351">
        <v>100.9</v>
      </c>
      <c r="J12" s="351">
        <v>1.4</v>
      </c>
      <c r="K12" s="351">
        <v>98.6</v>
      </c>
      <c r="L12" s="351">
        <v>3</v>
      </c>
      <c r="M12" s="351">
        <v>86.6</v>
      </c>
      <c r="N12" s="351">
        <v>0.5</v>
      </c>
      <c r="O12" s="351">
        <v>89.9</v>
      </c>
      <c r="P12" s="351">
        <v>-1.6</v>
      </c>
      <c r="Q12" s="351">
        <v>100.5</v>
      </c>
      <c r="R12" s="351">
        <v>-0.4</v>
      </c>
      <c r="S12" s="351">
        <v>82.2</v>
      </c>
      <c r="T12" s="351">
        <v>-5.5</v>
      </c>
      <c r="U12" s="351">
        <v>94.8</v>
      </c>
      <c r="V12" s="351">
        <v>-3.5</v>
      </c>
      <c r="W12" s="351">
        <v>101.6</v>
      </c>
      <c r="X12" s="351">
        <v>-0.4</v>
      </c>
      <c r="Y12" s="351">
        <v>102.4</v>
      </c>
      <c r="Z12" s="351">
        <v>2.6</v>
      </c>
      <c r="AA12" s="351">
        <v>113.3</v>
      </c>
      <c r="AB12" s="351">
        <v>13</v>
      </c>
      <c r="AC12" s="351">
        <v>107</v>
      </c>
      <c r="AD12" s="351">
        <v>2.9</v>
      </c>
      <c r="AE12" s="351">
        <v>109</v>
      </c>
      <c r="AF12" s="351">
        <v>1.6</v>
      </c>
      <c r="AG12" s="351">
        <v>83</v>
      </c>
      <c r="AH12" s="351">
        <v>-7.1</v>
      </c>
      <c r="AI12" s="351">
        <v>104.5</v>
      </c>
      <c r="AJ12" s="351">
        <v>0.7</v>
      </c>
      <c r="AK12" s="129"/>
    </row>
    <row r="13" spans="1:37" s="326" customFormat="1" ht="14.25" customHeight="1" x14ac:dyDescent="0.15">
      <c r="A13" s="547"/>
      <c r="B13" s="595"/>
      <c r="C13" s="347"/>
      <c r="D13" s="348"/>
      <c r="E13" s="351"/>
      <c r="F13" s="352"/>
      <c r="G13" s="351"/>
      <c r="H13" s="351"/>
      <c r="I13" s="351"/>
      <c r="J13" s="351"/>
      <c r="K13" s="351"/>
      <c r="L13" s="351"/>
      <c r="M13" s="351"/>
      <c r="N13" s="351"/>
      <c r="O13" s="351"/>
      <c r="P13" s="351"/>
      <c r="Q13" s="351"/>
      <c r="R13" s="351"/>
      <c r="S13" s="351"/>
      <c r="T13" s="351"/>
      <c r="U13" s="351"/>
      <c r="V13" s="351"/>
      <c r="W13" s="351"/>
      <c r="X13" s="351"/>
      <c r="Y13" s="351"/>
      <c r="Z13" s="351"/>
      <c r="AA13" s="351"/>
      <c r="AB13" s="351"/>
      <c r="AC13" s="351"/>
      <c r="AD13" s="351"/>
      <c r="AE13" s="351"/>
      <c r="AF13" s="351"/>
      <c r="AG13" s="351"/>
      <c r="AH13" s="351"/>
      <c r="AI13" s="351"/>
      <c r="AJ13" s="351"/>
      <c r="AK13" s="129"/>
    </row>
    <row r="14" spans="1:37" s="326" customFormat="1" ht="15" customHeight="1" x14ac:dyDescent="0.15">
      <c r="A14" s="547"/>
      <c r="B14" s="595"/>
      <c r="C14" s="347" t="s">
        <v>208</v>
      </c>
      <c r="D14" s="348" t="s">
        <v>232</v>
      </c>
      <c r="E14" s="349">
        <v>102.3</v>
      </c>
      <c r="F14" s="350">
        <v>1.2</v>
      </c>
      <c r="G14" s="349">
        <v>104.9</v>
      </c>
      <c r="H14" s="349">
        <v>2</v>
      </c>
      <c r="I14" s="349">
        <v>99.7</v>
      </c>
      <c r="J14" s="349">
        <v>2.6</v>
      </c>
      <c r="K14" s="349">
        <v>99.8</v>
      </c>
      <c r="L14" s="349">
        <v>3</v>
      </c>
      <c r="M14" s="349">
        <v>85.5</v>
      </c>
      <c r="N14" s="349">
        <v>-1</v>
      </c>
      <c r="O14" s="349">
        <v>90.2</v>
      </c>
      <c r="P14" s="349">
        <v>0.1</v>
      </c>
      <c r="Q14" s="349">
        <v>101.3</v>
      </c>
      <c r="R14" s="349">
        <v>0.9</v>
      </c>
      <c r="S14" s="349">
        <v>81.2</v>
      </c>
      <c r="T14" s="349">
        <v>-2.6</v>
      </c>
      <c r="U14" s="349">
        <v>94.3</v>
      </c>
      <c r="V14" s="349">
        <v>-4</v>
      </c>
      <c r="W14" s="349">
        <v>101.7</v>
      </c>
      <c r="X14" s="349">
        <v>-0.3</v>
      </c>
      <c r="Y14" s="349">
        <v>101.5</v>
      </c>
      <c r="Z14" s="349">
        <v>-2.1</v>
      </c>
      <c r="AA14" s="349">
        <v>115</v>
      </c>
      <c r="AB14" s="349">
        <v>10.5</v>
      </c>
      <c r="AC14" s="349">
        <v>108.2</v>
      </c>
      <c r="AD14" s="349">
        <v>1.3</v>
      </c>
      <c r="AE14" s="349">
        <v>109.9</v>
      </c>
      <c r="AF14" s="349">
        <v>1.8</v>
      </c>
      <c r="AG14" s="349">
        <v>87</v>
      </c>
      <c r="AH14" s="349">
        <v>-3.3</v>
      </c>
      <c r="AI14" s="349">
        <v>105.5</v>
      </c>
      <c r="AJ14" s="349">
        <v>1.5</v>
      </c>
      <c r="AK14" s="129"/>
    </row>
    <row r="15" spans="1:37" s="326" customFormat="1" ht="15" customHeight="1" x14ac:dyDescent="0.15">
      <c r="A15" s="547"/>
      <c r="B15" s="595"/>
      <c r="C15" s="347" t="s">
        <v>0</v>
      </c>
      <c r="D15" s="348" t="s">
        <v>233</v>
      </c>
      <c r="E15" s="351">
        <v>102.2</v>
      </c>
      <c r="F15" s="352">
        <v>1.2</v>
      </c>
      <c r="G15" s="351">
        <v>104.5</v>
      </c>
      <c r="H15" s="351">
        <v>2.1</v>
      </c>
      <c r="I15" s="351">
        <v>99.9</v>
      </c>
      <c r="J15" s="351">
        <v>4.5</v>
      </c>
      <c r="K15" s="351">
        <v>99.4</v>
      </c>
      <c r="L15" s="351">
        <v>2.6</v>
      </c>
      <c r="M15" s="351">
        <v>85.3</v>
      </c>
      <c r="N15" s="351">
        <v>-1.2</v>
      </c>
      <c r="O15" s="351">
        <v>90.8</v>
      </c>
      <c r="P15" s="351">
        <v>0.9</v>
      </c>
      <c r="Q15" s="351">
        <v>101.1</v>
      </c>
      <c r="R15" s="351">
        <v>0</v>
      </c>
      <c r="S15" s="351">
        <v>81.3</v>
      </c>
      <c r="T15" s="351">
        <v>-2.2999999999999998</v>
      </c>
      <c r="U15" s="351">
        <v>94</v>
      </c>
      <c r="V15" s="351">
        <v>-4.8</v>
      </c>
      <c r="W15" s="351">
        <v>101.7</v>
      </c>
      <c r="X15" s="351">
        <v>-0.2</v>
      </c>
      <c r="Y15" s="351">
        <v>103.1</v>
      </c>
      <c r="Z15" s="351">
        <v>-1.2</v>
      </c>
      <c r="AA15" s="351">
        <v>117.5</v>
      </c>
      <c r="AB15" s="351">
        <v>11.6</v>
      </c>
      <c r="AC15" s="351">
        <v>108.7</v>
      </c>
      <c r="AD15" s="351">
        <v>1.9</v>
      </c>
      <c r="AE15" s="351">
        <v>108.7</v>
      </c>
      <c r="AF15" s="351">
        <v>0.7</v>
      </c>
      <c r="AG15" s="351">
        <v>80.400000000000006</v>
      </c>
      <c r="AH15" s="351">
        <v>-11</v>
      </c>
      <c r="AI15" s="351">
        <v>105.2</v>
      </c>
      <c r="AJ15" s="351">
        <v>1.3</v>
      </c>
      <c r="AK15" s="129"/>
    </row>
    <row r="16" spans="1:37" s="326" customFormat="1" ht="15" customHeight="1" x14ac:dyDescent="0.15">
      <c r="A16" s="547"/>
      <c r="B16" s="595"/>
      <c r="C16" s="347" t="s">
        <v>234</v>
      </c>
      <c r="D16" s="348" t="s">
        <v>235</v>
      </c>
      <c r="E16" s="349">
        <v>102.1</v>
      </c>
      <c r="F16" s="350">
        <v>0.9</v>
      </c>
      <c r="G16" s="349">
        <v>105.4</v>
      </c>
      <c r="H16" s="349">
        <v>1.8</v>
      </c>
      <c r="I16" s="349">
        <v>98.9</v>
      </c>
      <c r="J16" s="349">
        <v>-1.3</v>
      </c>
      <c r="K16" s="349">
        <v>99</v>
      </c>
      <c r="L16" s="349">
        <v>1.1000000000000001</v>
      </c>
      <c r="M16" s="349">
        <v>85.6</v>
      </c>
      <c r="N16" s="349">
        <v>-0.5</v>
      </c>
      <c r="O16" s="349">
        <v>91</v>
      </c>
      <c r="P16" s="349">
        <v>1.7</v>
      </c>
      <c r="Q16" s="349">
        <v>100.6</v>
      </c>
      <c r="R16" s="349">
        <v>0.2</v>
      </c>
      <c r="S16" s="349">
        <v>79.900000000000006</v>
      </c>
      <c r="T16" s="349">
        <v>-3.3</v>
      </c>
      <c r="U16" s="349">
        <v>93.9</v>
      </c>
      <c r="V16" s="349">
        <v>-4.5</v>
      </c>
      <c r="W16" s="349">
        <v>101.6</v>
      </c>
      <c r="X16" s="349">
        <v>0.4</v>
      </c>
      <c r="Y16" s="349">
        <v>103.8</v>
      </c>
      <c r="Z16" s="349">
        <v>0.1</v>
      </c>
      <c r="AA16" s="349">
        <v>116.5</v>
      </c>
      <c r="AB16" s="349">
        <v>9</v>
      </c>
      <c r="AC16" s="349">
        <v>108.5</v>
      </c>
      <c r="AD16" s="349">
        <v>1.5</v>
      </c>
      <c r="AE16" s="349">
        <v>108.8</v>
      </c>
      <c r="AF16" s="349">
        <v>1.3</v>
      </c>
      <c r="AG16" s="349">
        <v>87.5</v>
      </c>
      <c r="AH16" s="349">
        <v>48.1</v>
      </c>
      <c r="AI16" s="349">
        <v>105.2</v>
      </c>
      <c r="AJ16" s="349">
        <v>2.2000000000000002</v>
      </c>
      <c r="AK16" s="129"/>
    </row>
    <row r="17" spans="1:37" s="326" customFormat="1" ht="15" customHeight="1" x14ac:dyDescent="0.15">
      <c r="A17" s="547"/>
      <c r="B17" s="595"/>
      <c r="C17" s="347" t="s">
        <v>0</v>
      </c>
      <c r="D17" s="348" t="s">
        <v>236</v>
      </c>
      <c r="E17" s="351">
        <v>101.9</v>
      </c>
      <c r="F17" s="352">
        <v>0.6</v>
      </c>
      <c r="G17" s="351">
        <v>104.9</v>
      </c>
      <c r="H17" s="351">
        <v>1.3</v>
      </c>
      <c r="I17" s="351">
        <v>99.3</v>
      </c>
      <c r="J17" s="351">
        <v>-0.1</v>
      </c>
      <c r="K17" s="351">
        <v>98.4</v>
      </c>
      <c r="L17" s="351">
        <v>2.1</v>
      </c>
      <c r="M17" s="351">
        <v>85.3</v>
      </c>
      <c r="N17" s="351">
        <v>-0.8</v>
      </c>
      <c r="O17" s="351">
        <v>88.7</v>
      </c>
      <c r="P17" s="351">
        <v>-0.9</v>
      </c>
      <c r="Q17" s="351">
        <v>100.3</v>
      </c>
      <c r="R17" s="351">
        <v>0</v>
      </c>
      <c r="S17" s="351">
        <v>79</v>
      </c>
      <c r="T17" s="351">
        <v>-3.9</v>
      </c>
      <c r="U17" s="351">
        <v>93.6</v>
      </c>
      <c r="V17" s="351">
        <v>-4.2</v>
      </c>
      <c r="W17" s="351">
        <v>101.3</v>
      </c>
      <c r="X17" s="351">
        <v>0.4</v>
      </c>
      <c r="Y17" s="351">
        <v>103.3</v>
      </c>
      <c r="Z17" s="351">
        <v>-1</v>
      </c>
      <c r="AA17" s="351">
        <v>116.1</v>
      </c>
      <c r="AB17" s="351">
        <v>5.4</v>
      </c>
      <c r="AC17" s="351">
        <v>107.4</v>
      </c>
      <c r="AD17" s="351">
        <v>1</v>
      </c>
      <c r="AE17" s="351">
        <v>108.8</v>
      </c>
      <c r="AF17" s="351">
        <v>1.6</v>
      </c>
      <c r="AG17" s="351">
        <v>81.3</v>
      </c>
      <c r="AH17" s="351">
        <v>-10.199999999999999</v>
      </c>
      <c r="AI17" s="351">
        <v>106.9</v>
      </c>
      <c r="AJ17" s="351">
        <v>2.9</v>
      </c>
      <c r="AK17" s="129"/>
    </row>
    <row r="18" spans="1:37" s="326" customFormat="1" ht="15" customHeight="1" x14ac:dyDescent="0.15">
      <c r="A18" s="547"/>
      <c r="B18" s="595"/>
      <c r="C18" s="347" t="s">
        <v>0</v>
      </c>
      <c r="D18" s="348" t="s">
        <v>237</v>
      </c>
      <c r="E18" s="349">
        <v>101.5</v>
      </c>
      <c r="F18" s="350">
        <v>0.4</v>
      </c>
      <c r="G18" s="349">
        <v>107.6</v>
      </c>
      <c r="H18" s="349">
        <v>3.2</v>
      </c>
      <c r="I18" s="349">
        <v>99.5</v>
      </c>
      <c r="J18" s="349">
        <v>-0.6</v>
      </c>
      <c r="K18" s="349">
        <v>98</v>
      </c>
      <c r="L18" s="349">
        <v>-0.7</v>
      </c>
      <c r="M18" s="349">
        <v>84.7</v>
      </c>
      <c r="N18" s="349">
        <v>-0.6</v>
      </c>
      <c r="O18" s="349">
        <v>88.4</v>
      </c>
      <c r="P18" s="349">
        <v>-1</v>
      </c>
      <c r="Q18" s="349">
        <v>99.8</v>
      </c>
      <c r="R18" s="349">
        <v>-0.2</v>
      </c>
      <c r="S18" s="349">
        <v>79</v>
      </c>
      <c r="T18" s="349">
        <v>-1.9</v>
      </c>
      <c r="U18" s="349">
        <v>92.7</v>
      </c>
      <c r="V18" s="349">
        <v>-3.7</v>
      </c>
      <c r="W18" s="349">
        <v>101.1</v>
      </c>
      <c r="X18" s="349">
        <v>-0.7</v>
      </c>
      <c r="Y18" s="349">
        <v>104.1</v>
      </c>
      <c r="Z18" s="349">
        <v>1.2</v>
      </c>
      <c r="AA18" s="349">
        <v>114.8</v>
      </c>
      <c r="AB18" s="349">
        <v>4.5999999999999996</v>
      </c>
      <c r="AC18" s="349">
        <v>104.7</v>
      </c>
      <c r="AD18" s="349">
        <v>-1</v>
      </c>
      <c r="AE18" s="349">
        <v>107.6</v>
      </c>
      <c r="AF18" s="349">
        <v>0.7</v>
      </c>
      <c r="AG18" s="349">
        <v>80.8</v>
      </c>
      <c r="AH18" s="349">
        <v>-10.6</v>
      </c>
      <c r="AI18" s="349">
        <v>106.7</v>
      </c>
      <c r="AJ18" s="349">
        <v>3.1</v>
      </c>
      <c r="AK18" s="129"/>
    </row>
    <row r="19" spans="1:37" s="326" customFormat="1" ht="15" customHeight="1" x14ac:dyDescent="0.15">
      <c r="A19" s="547"/>
      <c r="B19" s="595"/>
      <c r="C19" s="347" t="s">
        <v>0</v>
      </c>
      <c r="D19" s="348" t="s">
        <v>238</v>
      </c>
      <c r="E19" s="351">
        <v>102.8</v>
      </c>
      <c r="F19" s="352">
        <v>0.8</v>
      </c>
      <c r="G19" s="351">
        <v>112.3</v>
      </c>
      <c r="H19" s="351">
        <v>6.6</v>
      </c>
      <c r="I19" s="351">
        <v>100</v>
      </c>
      <c r="J19" s="351">
        <v>-1.8</v>
      </c>
      <c r="K19" s="351">
        <v>101.5</v>
      </c>
      <c r="L19" s="351">
        <v>3</v>
      </c>
      <c r="M19" s="351">
        <v>88.1</v>
      </c>
      <c r="N19" s="351">
        <v>0.8</v>
      </c>
      <c r="O19" s="351">
        <v>89.8</v>
      </c>
      <c r="P19" s="351">
        <v>0.2</v>
      </c>
      <c r="Q19" s="351">
        <v>99</v>
      </c>
      <c r="R19" s="351">
        <v>-0.4</v>
      </c>
      <c r="S19" s="351">
        <v>79.599999999999994</v>
      </c>
      <c r="T19" s="351">
        <v>-3.3</v>
      </c>
      <c r="U19" s="351">
        <v>97.7</v>
      </c>
      <c r="V19" s="351">
        <v>4.2</v>
      </c>
      <c r="W19" s="351">
        <v>103.4</v>
      </c>
      <c r="X19" s="351">
        <v>0.5</v>
      </c>
      <c r="Y19" s="351">
        <v>105</v>
      </c>
      <c r="Z19" s="351">
        <v>3.7</v>
      </c>
      <c r="AA19" s="351">
        <v>116.7</v>
      </c>
      <c r="AB19" s="351">
        <v>3.5</v>
      </c>
      <c r="AC19" s="351">
        <v>107.1</v>
      </c>
      <c r="AD19" s="351">
        <v>2.2000000000000002</v>
      </c>
      <c r="AE19" s="351">
        <v>109.3</v>
      </c>
      <c r="AF19" s="351">
        <v>-1.2</v>
      </c>
      <c r="AG19" s="351">
        <v>80.400000000000006</v>
      </c>
      <c r="AH19" s="351">
        <v>-10.199999999999999</v>
      </c>
      <c r="AI19" s="351">
        <v>107.7</v>
      </c>
      <c r="AJ19" s="351">
        <v>2.9</v>
      </c>
      <c r="AK19" s="129"/>
    </row>
    <row r="20" spans="1:37" s="326" customFormat="1" ht="15" customHeight="1" x14ac:dyDescent="0.15">
      <c r="A20" s="547"/>
      <c r="B20" s="595"/>
      <c r="C20" s="347" t="s">
        <v>0</v>
      </c>
      <c r="D20" s="348" t="s">
        <v>239</v>
      </c>
      <c r="E20" s="349">
        <v>103.1</v>
      </c>
      <c r="F20" s="350">
        <v>0.9</v>
      </c>
      <c r="G20" s="349">
        <v>112.9</v>
      </c>
      <c r="H20" s="349">
        <v>6.6</v>
      </c>
      <c r="I20" s="349">
        <v>98.9</v>
      </c>
      <c r="J20" s="349">
        <v>-3.4</v>
      </c>
      <c r="K20" s="349">
        <v>102.2</v>
      </c>
      <c r="L20" s="349">
        <v>3.5</v>
      </c>
      <c r="M20" s="349">
        <v>88.2</v>
      </c>
      <c r="N20" s="349">
        <v>0.2</v>
      </c>
      <c r="O20" s="349">
        <v>90</v>
      </c>
      <c r="P20" s="349">
        <v>0.3</v>
      </c>
      <c r="Q20" s="349">
        <v>99.3</v>
      </c>
      <c r="R20" s="349">
        <v>-0.9</v>
      </c>
      <c r="S20" s="349">
        <v>80.099999999999994</v>
      </c>
      <c r="T20" s="349">
        <v>-2.8</v>
      </c>
      <c r="U20" s="349">
        <v>97.8</v>
      </c>
      <c r="V20" s="349">
        <v>2.8</v>
      </c>
      <c r="W20" s="349">
        <v>103.8</v>
      </c>
      <c r="X20" s="349">
        <v>1.2</v>
      </c>
      <c r="Y20" s="349">
        <v>106.1</v>
      </c>
      <c r="Z20" s="349">
        <v>6.1</v>
      </c>
      <c r="AA20" s="349">
        <v>116.1</v>
      </c>
      <c r="AB20" s="349">
        <v>-0.5</v>
      </c>
      <c r="AC20" s="349">
        <v>110.3</v>
      </c>
      <c r="AD20" s="349">
        <v>3.6</v>
      </c>
      <c r="AE20" s="349">
        <v>108.9</v>
      </c>
      <c r="AF20" s="349">
        <v>-0.5</v>
      </c>
      <c r="AG20" s="349">
        <v>86.6</v>
      </c>
      <c r="AH20" s="349">
        <v>-3.6</v>
      </c>
      <c r="AI20" s="349">
        <v>108.3</v>
      </c>
      <c r="AJ20" s="349">
        <v>3.4</v>
      </c>
      <c r="AK20" s="129"/>
    </row>
    <row r="21" spans="1:37" s="326" customFormat="1" ht="15" customHeight="1" x14ac:dyDescent="0.15">
      <c r="A21" s="547"/>
      <c r="B21" s="595"/>
      <c r="C21" s="347" t="s">
        <v>0</v>
      </c>
      <c r="D21" s="348" t="s">
        <v>240</v>
      </c>
      <c r="E21" s="351">
        <v>103.4</v>
      </c>
      <c r="F21" s="352">
        <v>0.8</v>
      </c>
      <c r="G21" s="351">
        <v>111.8</v>
      </c>
      <c r="H21" s="351">
        <v>6</v>
      </c>
      <c r="I21" s="351">
        <v>100.5</v>
      </c>
      <c r="J21" s="351">
        <v>-1.1000000000000001</v>
      </c>
      <c r="K21" s="351">
        <v>103</v>
      </c>
      <c r="L21" s="351">
        <v>3.6</v>
      </c>
      <c r="M21" s="351">
        <v>88.4</v>
      </c>
      <c r="N21" s="351">
        <v>1.3</v>
      </c>
      <c r="O21" s="351">
        <v>91.3</v>
      </c>
      <c r="P21" s="351">
        <v>1.3</v>
      </c>
      <c r="Q21" s="351">
        <v>99.9</v>
      </c>
      <c r="R21" s="351">
        <v>-1.5</v>
      </c>
      <c r="S21" s="351">
        <v>80.7</v>
      </c>
      <c r="T21" s="351">
        <v>-2.7</v>
      </c>
      <c r="U21" s="351">
        <v>98.6</v>
      </c>
      <c r="V21" s="351">
        <v>6.7</v>
      </c>
      <c r="W21" s="351">
        <v>103</v>
      </c>
      <c r="X21" s="351">
        <v>1.8</v>
      </c>
      <c r="Y21" s="351">
        <v>106.1</v>
      </c>
      <c r="Z21" s="351">
        <v>2.8</v>
      </c>
      <c r="AA21" s="351">
        <v>116.7</v>
      </c>
      <c r="AB21" s="351">
        <v>1.5</v>
      </c>
      <c r="AC21" s="351">
        <v>112.1</v>
      </c>
      <c r="AD21" s="351">
        <v>4.5</v>
      </c>
      <c r="AE21" s="351">
        <v>108.2</v>
      </c>
      <c r="AF21" s="351">
        <v>-1.8</v>
      </c>
      <c r="AG21" s="351">
        <v>86.9</v>
      </c>
      <c r="AH21" s="351">
        <v>-3.6</v>
      </c>
      <c r="AI21" s="351">
        <v>108.1</v>
      </c>
      <c r="AJ21" s="351">
        <v>3.2</v>
      </c>
      <c r="AK21" s="129"/>
    </row>
    <row r="22" spans="1:37" s="326" customFormat="1" ht="15" customHeight="1" x14ac:dyDescent="0.15">
      <c r="A22" s="547"/>
      <c r="B22" s="595"/>
      <c r="C22" s="347" t="s">
        <v>0</v>
      </c>
      <c r="D22" s="348" t="s">
        <v>241</v>
      </c>
      <c r="E22" s="349">
        <v>103.2</v>
      </c>
      <c r="F22" s="350">
        <v>0.6</v>
      </c>
      <c r="G22" s="349">
        <v>112.7</v>
      </c>
      <c r="H22" s="349">
        <v>6.3</v>
      </c>
      <c r="I22" s="349">
        <v>99.2</v>
      </c>
      <c r="J22" s="349">
        <v>-2.7</v>
      </c>
      <c r="K22" s="349">
        <v>89</v>
      </c>
      <c r="L22" s="349">
        <v>-9.9</v>
      </c>
      <c r="M22" s="349">
        <v>87.8</v>
      </c>
      <c r="N22" s="349">
        <v>0.3</v>
      </c>
      <c r="O22" s="349">
        <v>91</v>
      </c>
      <c r="P22" s="349">
        <v>0.7</v>
      </c>
      <c r="Q22" s="349">
        <v>99.5</v>
      </c>
      <c r="R22" s="349">
        <v>-1.4</v>
      </c>
      <c r="S22" s="349">
        <v>81.099999999999994</v>
      </c>
      <c r="T22" s="349">
        <v>-3.3</v>
      </c>
      <c r="U22" s="349">
        <v>97.7</v>
      </c>
      <c r="V22" s="349">
        <v>4.3</v>
      </c>
      <c r="W22" s="349">
        <v>102.9</v>
      </c>
      <c r="X22" s="349">
        <v>1.9</v>
      </c>
      <c r="Y22" s="349">
        <v>106.3</v>
      </c>
      <c r="Z22" s="349">
        <v>3.4</v>
      </c>
      <c r="AA22" s="349">
        <v>119.1</v>
      </c>
      <c r="AB22" s="349">
        <v>3.1</v>
      </c>
      <c r="AC22" s="349">
        <v>111.2</v>
      </c>
      <c r="AD22" s="349">
        <v>3.6</v>
      </c>
      <c r="AE22" s="349">
        <v>108.6</v>
      </c>
      <c r="AF22" s="349">
        <v>-1</v>
      </c>
      <c r="AG22" s="349">
        <v>86.8</v>
      </c>
      <c r="AH22" s="349">
        <v>-2.6</v>
      </c>
      <c r="AI22" s="349">
        <v>108.1</v>
      </c>
      <c r="AJ22" s="349">
        <v>3</v>
      </c>
      <c r="AK22" s="129"/>
    </row>
    <row r="23" spans="1:37" s="326" customFormat="1" ht="15" customHeight="1" x14ac:dyDescent="0.15">
      <c r="A23" s="547"/>
      <c r="B23" s="595"/>
      <c r="C23" s="347" t="s">
        <v>0</v>
      </c>
      <c r="D23" s="348" t="s">
        <v>242</v>
      </c>
      <c r="E23" s="351">
        <v>103</v>
      </c>
      <c r="F23" s="352">
        <v>0.9</v>
      </c>
      <c r="G23" s="351">
        <v>111.4</v>
      </c>
      <c r="H23" s="351">
        <v>5.4</v>
      </c>
      <c r="I23" s="351">
        <v>97.8</v>
      </c>
      <c r="J23" s="351">
        <v>-3.8</v>
      </c>
      <c r="K23" s="351">
        <v>88.8</v>
      </c>
      <c r="L23" s="351">
        <v>-9.1</v>
      </c>
      <c r="M23" s="351">
        <v>87</v>
      </c>
      <c r="N23" s="351">
        <v>-0.5</v>
      </c>
      <c r="O23" s="351">
        <v>90.1</v>
      </c>
      <c r="P23" s="351">
        <v>-0.2</v>
      </c>
      <c r="Q23" s="351">
        <v>99.6</v>
      </c>
      <c r="R23" s="351">
        <v>-0.6</v>
      </c>
      <c r="S23" s="351">
        <v>80.2</v>
      </c>
      <c r="T23" s="351">
        <v>-3.8</v>
      </c>
      <c r="U23" s="351">
        <v>97.6</v>
      </c>
      <c r="V23" s="351">
        <v>4.5</v>
      </c>
      <c r="W23" s="351">
        <v>102.8</v>
      </c>
      <c r="X23" s="351">
        <v>1.5</v>
      </c>
      <c r="Y23" s="351">
        <v>107</v>
      </c>
      <c r="Z23" s="351">
        <v>4.7</v>
      </c>
      <c r="AA23" s="351">
        <v>118.9</v>
      </c>
      <c r="AB23" s="351">
        <v>5.8</v>
      </c>
      <c r="AC23" s="351">
        <v>111.8</v>
      </c>
      <c r="AD23" s="351">
        <v>4.7</v>
      </c>
      <c r="AE23" s="351">
        <v>108.5</v>
      </c>
      <c r="AF23" s="351">
        <v>-0.8</v>
      </c>
      <c r="AG23" s="351">
        <v>86.6</v>
      </c>
      <c r="AH23" s="351">
        <v>-3.8</v>
      </c>
      <c r="AI23" s="351">
        <v>108</v>
      </c>
      <c r="AJ23" s="351">
        <v>3.5</v>
      </c>
      <c r="AK23" s="129"/>
    </row>
    <row r="24" spans="1:37" s="326" customFormat="1" ht="15" customHeight="1" x14ac:dyDescent="0.15">
      <c r="A24" s="547"/>
      <c r="B24" s="595"/>
      <c r="C24" s="347" t="s">
        <v>0</v>
      </c>
      <c r="D24" s="348" t="s">
        <v>243</v>
      </c>
      <c r="E24" s="349">
        <v>103</v>
      </c>
      <c r="F24" s="350">
        <v>1.2</v>
      </c>
      <c r="G24" s="349">
        <v>109.6</v>
      </c>
      <c r="H24" s="349">
        <v>3.3</v>
      </c>
      <c r="I24" s="349">
        <v>99.6</v>
      </c>
      <c r="J24" s="349">
        <v>-1.9</v>
      </c>
      <c r="K24" s="349">
        <v>88.9</v>
      </c>
      <c r="L24" s="349">
        <v>-9.6999999999999993</v>
      </c>
      <c r="M24" s="349">
        <v>86.8</v>
      </c>
      <c r="N24" s="349">
        <v>-0.5</v>
      </c>
      <c r="O24" s="349">
        <v>90.7</v>
      </c>
      <c r="P24" s="349">
        <v>1.2</v>
      </c>
      <c r="Q24" s="349">
        <v>99.9</v>
      </c>
      <c r="R24" s="349">
        <v>0.3</v>
      </c>
      <c r="S24" s="349">
        <v>79.900000000000006</v>
      </c>
      <c r="T24" s="349">
        <v>-3.5</v>
      </c>
      <c r="U24" s="349">
        <v>97.3</v>
      </c>
      <c r="V24" s="349">
        <v>2.9</v>
      </c>
      <c r="W24" s="349">
        <v>100.7</v>
      </c>
      <c r="X24" s="349">
        <v>-0.8</v>
      </c>
      <c r="Y24" s="349">
        <v>106</v>
      </c>
      <c r="Z24" s="349">
        <v>4.5</v>
      </c>
      <c r="AA24" s="349">
        <v>117.1</v>
      </c>
      <c r="AB24" s="349">
        <v>2.7</v>
      </c>
      <c r="AC24" s="349">
        <v>111.6</v>
      </c>
      <c r="AD24" s="349">
        <v>3.8</v>
      </c>
      <c r="AE24" s="349">
        <v>109.2</v>
      </c>
      <c r="AF24" s="349">
        <v>-0.1</v>
      </c>
      <c r="AG24" s="349">
        <v>86.4</v>
      </c>
      <c r="AH24" s="349">
        <v>44.7</v>
      </c>
      <c r="AI24" s="349">
        <v>108</v>
      </c>
      <c r="AJ24" s="349">
        <v>4</v>
      </c>
      <c r="AK24" s="129"/>
    </row>
    <row r="25" spans="1:37" s="326" customFormat="1" ht="15" customHeight="1" x14ac:dyDescent="0.15">
      <c r="A25" s="547"/>
      <c r="B25" s="595"/>
      <c r="C25" s="347" t="s">
        <v>0</v>
      </c>
      <c r="D25" s="348" t="s">
        <v>244</v>
      </c>
      <c r="E25" s="351">
        <v>103</v>
      </c>
      <c r="F25" s="352">
        <v>0.9</v>
      </c>
      <c r="G25" s="351">
        <v>109.8</v>
      </c>
      <c r="H25" s="351">
        <v>3.9</v>
      </c>
      <c r="I25" s="351">
        <v>98.8</v>
      </c>
      <c r="J25" s="351">
        <v>-1.1000000000000001</v>
      </c>
      <c r="K25" s="351">
        <v>89.4</v>
      </c>
      <c r="L25" s="351">
        <v>-9.8000000000000007</v>
      </c>
      <c r="M25" s="351">
        <v>86.9</v>
      </c>
      <c r="N25" s="351">
        <v>0.7</v>
      </c>
      <c r="O25" s="351">
        <v>90.8</v>
      </c>
      <c r="P25" s="351">
        <v>1.2</v>
      </c>
      <c r="Q25" s="351">
        <v>100</v>
      </c>
      <c r="R25" s="351">
        <v>-0.7</v>
      </c>
      <c r="S25" s="351">
        <v>79.400000000000006</v>
      </c>
      <c r="T25" s="351">
        <v>-2.2999999999999998</v>
      </c>
      <c r="U25" s="351">
        <v>98.1</v>
      </c>
      <c r="V25" s="351">
        <v>4.7</v>
      </c>
      <c r="W25" s="351">
        <v>101</v>
      </c>
      <c r="X25" s="351">
        <v>-0.8</v>
      </c>
      <c r="Y25" s="351">
        <v>107</v>
      </c>
      <c r="Z25" s="351">
        <v>4.3</v>
      </c>
      <c r="AA25" s="351">
        <v>118.3</v>
      </c>
      <c r="AB25" s="351">
        <v>3.6</v>
      </c>
      <c r="AC25" s="351">
        <v>113.5</v>
      </c>
      <c r="AD25" s="351">
        <v>5.4</v>
      </c>
      <c r="AE25" s="351">
        <v>108.3</v>
      </c>
      <c r="AF25" s="351">
        <v>-1.5</v>
      </c>
      <c r="AG25" s="351">
        <v>77.2</v>
      </c>
      <c r="AH25" s="351">
        <v>-3.7</v>
      </c>
      <c r="AI25" s="351">
        <v>107.5</v>
      </c>
      <c r="AJ25" s="351">
        <v>2.6</v>
      </c>
      <c r="AK25" s="129"/>
    </row>
    <row r="26" spans="1:37" s="326" customFormat="1" ht="14.25" customHeight="1" x14ac:dyDescent="0.15">
      <c r="A26" s="547"/>
      <c r="B26" s="595"/>
      <c r="C26" s="347"/>
      <c r="D26" s="348"/>
      <c r="E26" s="351"/>
      <c r="F26" s="352"/>
      <c r="G26" s="351"/>
      <c r="H26" s="351"/>
      <c r="I26" s="351"/>
      <c r="J26" s="351"/>
      <c r="K26" s="351"/>
      <c r="L26" s="351"/>
      <c r="M26" s="351"/>
      <c r="N26" s="351"/>
      <c r="O26" s="351"/>
      <c r="P26" s="351"/>
      <c r="Q26" s="351"/>
      <c r="R26" s="351"/>
      <c r="S26" s="351"/>
      <c r="T26" s="351"/>
      <c r="U26" s="351"/>
      <c r="V26" s="351"/>
      <c r="W26" s="351"/>
      <c r="X26" s="351"/>
      <c r="Y26" s="351"/>
      <c r="Z26" s="351"/>
      <c r="AA26" s="351"/>
      <c r="AB26" s="351"/>
      <c r="AC26" s="351"/>
      <c r="AD26" s="351"/>
      <c r="AE26" s="351"/>
      <c r="AF26" s="351"/>
      <c r="AG26" s="351"/>
      <c r="AH26" s="351"/>
      <c r="AI26" s="351"/>
      <c r="AJ26" s="351"/>
      <c r="AK26" s="129"/>
    </row>
    <row r="27" spans="1:37" s="326" customFormat="1" ht="14.25" customHeight="1" x14ac:dyDescent="0.15">
      <c r="A27" s="547"/>
      <c r="B27" s="595"/>
      <c r="C27" s="347" t="s">
        <v>234</v>
      </c>
      <c r="D27" s="348" t="s">
        <v>232</v>
      </c>
      <c r="E27" s="349">
        <v>102.7</v>
      </c>
      <c r="F27" s="350">
        <v>0.4</v>
      </c>
      <c r="G27" s="349">
        <v>109.4</v>
      </c>
      <c r="H27" s="349">
        <v>4.3</v>
      </c>
      <c r="I27" s="349">
        <v>96.6</v>
      </c>
      <c r="J27" s="349">
        <v>-3.1</v>
      </c>
      <c r="K27" s="349">
        <v>89.3</v>
      </c>
      <c r="L27" s="349">
        <v>-10.5</v>
      </c>
      <c r="M27" s="349">
        <v>87.6</v>
      </c>
      <c r="N27" s="349">
        <v>2.5</v>
      </c>
      <c r="O27" s="349">
        <v>90.4</v>
      </c>
      <c r="P27" s="349">
        <v>0.2</v>
      </c>
      <c r="Q27" s="349">
        <v>99.1</v>
      </c>
      <c r="R27" s="349">
        <v>-2.2000000000000002</v>
      </c>
      <c r="S27" s="349">
        <v>80.599999999999994</v>
      </c>
      <c r="T27" s="349">
        <v>-0.7</v>
      </c>
      <c r="U27" s="349">
        <v>98.5</v>
      </c>
      <c r="V27" s="349">
        <v>4.5</v>
      </c>
      <c r="W27" s="349">
        <v>100.9</v>
      </c>
      <c r="X27" s="349">
        <v>-0.8</v>
      </c>
      <c r="Y27" s="349">
        <v>107.9</v>
      </c>
      <c r="Z27" s="349">
        <v>6.3</v>
      </c>
      <c r="AA27" s="349">
        <v>116.8</v>
      </c>
      <c r="AB27" s="349">
        <v>1.6</v>
      </c>
      <c r="AC27" s="349">
        <v>113.4</v>
      </c>
      <c r="AD27" s="349">
        <v>4.8</v>
      </c>
      <c r="AE27" s="349">
        <v>109</v>
      </c>
      <c r="AF27" s="349">
        <v>-0.8</v>
      </c>
      <c r="AG27" s="349">
        <v>77.2</v>
      </c>
      <c r="AH27" s="349">
        <v>-11.3</v>
      </c>
      <c r="AI27" s="349">
        <v>107.4</v>
      </c>
      <c r="AJ27" s="349">
        <v>1.8</v>
      </c>
      <c r="AK27" s="129"/>
    </row>
    <row r="28" spans="1:37" s="326" customFormat="1" ht="11.25" customHeight="1" x14ac:dyDescent="0.15">
      <c r="A28" s="547"/>
      <c r="B28" s="551"/>
      <c r="C28" s="353"/>
      <c r="D28" s="354"/>
      <c r="E28" s="351"/>
      <c r="F28" s="352"/>
      <c r="G28" s="351"/>
      <c r="H28" s="351"/>
      <c r="I28" s="351"/>
      <c r="J28" s="351"/>
      <c r="K28" s="351"/>
      <c r="L28" s="351"/>
      <c r="M28" s="351"/>
      <c r="N28" s="351"/>
      <c r="O28" s="351"/>
      <c r="P28" s="351"/>
      <c r="Q28" s="351"/>
      <c r="R28" s="351"/>
      <c r="S28" s="351"/>
      <c r="T28" s="351"/>
      <c r="U28" s="351"/>
      <c r="V28" s="351"/>
      <c r="W28" s="351"/>
      <c r="X28" s="351"/>
      <c r="Y28" s="351"/>
      <c r="Z28" s="351"/>
      <c r="AA28" s="351"/>
      <c r="AB28" s="351"/>
      <c r="AC28" s="351"/>
      <c r="AD28" s="351"/>
      <c r="AE28" s="351"/>
      <c r="AF28" s="351"/>
      <c r="AG28" s="351"/>
      <c r="AH28" s="351"/>
      <c r="AI28" s="351"/>
      <c r="AJ28" s="351"/>
      <c r="AK28" s="129"/>
    </row>
    <row r="29" spans="1:37" s="326" customFormat="1" ht="11.25" customHeight="1" x14ac:dyDescent="0.15">
      <c r="A29" s="547"/>
      <c r="B29" s="355"/>
      <c r="C29" s="356"/>
      <c r="D29" s="357"/>
      <c r="E29" s="358"/>
      <c r="F29" s="359"/>
      <c r="G29" s="358"/>
      <c r="H29" s="358"/>
      <c r="I29" s="358"/>
      <c r="J29" s="358"/>
      <c r="K29" s="358"/>
      <c r="L29" s="358"/>
      <c r="M29" s="358"/>
      <c r="N29" s="358"/>
      <c r="O29" s="358"/>
      <c r="P29" s="358"/>
      <c r="Q29" s="358"/>
      <c r="R29" s="358"/>
      <c r="S29" s="358"/>
      <c r="T29" s="358"/>
      <c r="U29" s="358"/>
      <c r="V29" s="358"/>
      <c r="W29" s="358"/>
      <c r="X29" s="358"/>
      <c r="Y29" s="358"/>
      <c r="Z29" s="358"/>
      <c r="AA29" s="358"/>
      <c r="AB29" s="358"/>
      <c r="AC29" s="358"/>
      <c r="AD29" s="358"/>
      <c r="AE29" s="358"/>
      <c r="AF29" s="358"/>
      <c r="AG29" s="358"/>
      <c r="AH29" s="358"/>
      <c r="AI29" s="358"/>
      <c r="AJ29" s="358"/>
      <c r="AK29" s="129"/>
    </row>
    <row r="30" spans="1:37" s="326" customFormat="1" ht="14.25" customHeight="1" x14ac:dyDescent="0.15">
      <c r="A30" s="547"/>
      <c r="B30" s="365"/>
      <c r="C30" s="347" t="s">
        <v>227</v>
      </c>
      <c r="D30" s="348" t="s">
        <v>228</v>
      </c>
      <c r="E30" s="349">
        <v>99.2</v>
      </c>
      <c r="F30" s="350">
        <v>-0.8</v>
      </c>
      <c r="G30" s="349">
        <v>95.7</v>
      </c>
      <c r="H30" s="349">
        <v>-4.3</v>
      </c>
      <c r="I30" s="349">
        <v>99.6</v>
      </c>
      <c r="J30" s="349">
        <v>-0.4</v>
      </c>
      <c r="K30" s="349">
        <v>98.1</v>
      </c>
      <c r="L30" s="349">
        <v>-1.9</v>
      </c>
      <c r="M30" s="349">
        <v>96.1</v>
      </c>
      <c r="N30" s="349">
        <v>-3.9</v>
      </c>
      <c r="O30" s="349">
        <v>100.3</v>
      </c>
      <c r="P30" s="349">
        <v>0.3</v>
      </c>
      <c r="Q30" s="349">
        <v>102.9</v>
      </c>
      <c r="R30" s="349">
        <v>2.9</v>
      </c>
      <c r="S30" s="349">
        <v>98.7</v>
      </c>
      <c r="T30" s="349">
        <v>-1.3</v>
      </c>
      <c r="U30" s="349">
        <v>102.7</v>
      </c>
      <c r="V30" s="349">
        <v>2.7</v>
      </c>
      <c r="W30" s="349">
        <v>97.4</v>
      </c>
      <c r="X30" s="349">
        <v>-2.6</v>
      </c>
      <c r="Y30" s="349">
        <v>94.6</v>
      </c>
      <c r="Z30" s="349">
        <v>-5.4</v>
      </c>
      <c r="AA30" s="349">
        <v>95.4</v>
      </c>
      <c r="AB30" s="349">
        <v>-4.5999999999999996</v>
      </c>
      <c r="AC30" s="349">
        <v>104.3</v>
      </c>
      <c r="AD30" s="349">
        <v>4.3</v>
      </c>
      <c r="AE30" s="349">
        <v>96.1</v>
      </c>
      <c r="AF30" s="349">
        <v>-3.9</v>
      </c>
      <c r="AG30" s="349">
        <v>95.2</v>
      </c>
      <c r="AH30" s="349">
        <v>-4.8</v>
      </c>
      <c r="AI30" s="349">
        <v>100.8</v>
      </c>
      <c r="AJ30" s="349">
        <v>0.8</v>
      </c>
      <c r="AK30" s="129"/>
    </row>
    <row r="31" spans="1:37" s="326" customFormat="1" ht="14.25" customHeight="1" x14ac:dyDescent="0.15">
      <c r="A31" s="547"/>
      <c r="B31" s="365"/>
      <c r="C31" s="347" t="s">
        <v>227</v>
      </c>
      <c r="D31" s="348" t="s">
        <v>229</v>
      </c>
      <c r="E31" s="351">
        <v>99.4</v>
      </c>
      <c r="F31" s="352">
        <v>0.2</v>
      </c>
      <c r="G31" s="351">
        <v>106.1</v>
      </c>
      <c r="H31" s="351">
        <v>10.9</v>
      </c>
      <c r="I31" s="351">
        <v>102.3</v>
      </c>
      <c r="J31" s="351">
        <v>2.7</v>
      </c>
      <c r="K31" s="351">
        <v>93.7</v>
      </c>
      <c r="L31" s="351">
        <v>-4.5</v>
      </c>
      <c r="M31" s="351">
        <v>86.4</v>
      </c>
      <c r="N31" s="351">
        <v>-10</v>
      </c>
      <c r="O31" s="351">
        <v>96.8</v>
      </c>
      <c r="P31" s="351">
        <v>-3.5</v>
      </c>
      <c r="Q31" s="351">
        <v>102.2</v>
      </c>
      <c r="R31" s="351">
        <v>-0.7</v>
      </c>
      <c r="S31" s="351">
        <v>94.9</v>
      </c>
      <c r="T31" s="351">
        <v>-3.9</v>
      </c>
      <c r="U31" s="351">
        <v>99.2</v>
      </c>
      <c r="V31" s="351">
        <v>-3.5</v>
      </c>
      <c r="W31" s="351">
        <v>98.4</v>
      </c>
      <c r="X31" s="351">
        <v>1</v>
      </c>
      <c r="Y31" s="351">
        <v>91.5</v>
      </c>
      <c r="Z31" s="351">
        <v>-3.3</v>
      </c>
      <c r="AA31" s="351">
        <v>96.9</v>
      </c>
      <c r="AB31" s="351">
        <v>1.6</v>
      </c>
      <c r="AC31" s="351">
        <v>102.8</v>
      </c>
      <c r="AD31" s="351">
        <v>-1.5</v>
      </c>
      <c r="AE31" s="351">
        <v>98.2</v>
      </c>
      <c r="AF31" s="351">
        <v>2.1</v>
      </c>
      <c r="AG31" s="351">
        <v>89.5</v>
      </c>
      <c r="AH31" s="351">
        <v>-6</v>
      </c>
      <c r="AI31" s="351">
        <v>102.5</v>
      </c>
      <c r="AJ31" s="351">
        <v>1.7</v>
      </c>
      <c r="AK31" s="129"/>
    </row>
    <row r="32" spans="1:37" s="326" customFormat="1" ht="14.25" customHeight="1" x14ac:dyDescent="0.15">
      <c r="A32" s="547"/>
      <c r="B32" s="365"/>
      <c r="C32" s="347" t="s">
        <v>227</v>
      </c>
      <c r="D32" s="348" t="s">
        <v>230</v>
      </c>
      <c r="E32" s="349">
        <v>99.2</v>
      </c>
      <c r="F32" s="350">
        <v>-0.2</v>
      </c>
      <c r="G32" s="349">
        <v>104.7</v>
      </c>
      <c r="H32" s="349">
        <v>-1.3</v>
      </c>
      <c r="I32" s="349">
        <v>101.2</v>
      </c>
      <c r="J32" s="349">
        <v>-1.1000000000000001</v>
      </c>
      <c r="K32" s="349">
        <v>94.9</v>
      </c>
      <c r="L32" s="349">
        <v>1.3</v>
      </c>
      <c r="M32" s="349">
        <v>88.5</v>
      </c>
      <c r="N32" s="349">
        <v>2.2000000000000002</v>
      </c>
      <c r="O32" s="349">
        <v>93.1</v>
      </c>
      <c r="P32" s="349">
        <v>-3.9</v>
      </c>
      <c r="Q32" s="349">
        <v>99.2</v>
      </c>
      <c r="R32" s="349">
        <v>-2.9</v>
      </c>
      <c r="S32" s="349">
        <v>81.900000000000006</v>
      </c>
      <c r="T32" s="349">
        <v>-13.7</v>
      </c>
      <c r="U32" s="349">
        <v>94.6</v>
      </c>
      <c r="V32" s="349">
        <v>-4.5999999999999996</v>
      </c>
      <c r="W32" s="349">
        <v>98.5</v>
      </c>
      <c r="X32" s="349">
        <v>0.1</v>
      </c>
      <c r="Y32" s="349">
        <v>92.5</v>
      </c>
      <c r="Z32" s="349">
        <v>1.1000000000000001</v>
      </c>
      <c r="AA32" s="349">
        <v>99.8</v>
      </c>
      <c r="AB32" s="349">
        <v>2.9</v>
      </c>
      <c r="AC32" s="349">
        <v>102</v>
      </c>
      <c r="AD32" s="349">
        <v>-0.7</v>
      </c>
      <c r="AE32" s="349">
        <v>102.7</v>
      </c>
      <c r="AF32" s="349">
        <v>4.7</v>
      </c>
      <c r="AG32" s="349">
        <v>79.7</v>
      </c>
      <c r="AH32" s="349">
        <v>-10.9</v>
      </c>
      <c r="AI32" s="349">
        <v>103.4</v>
      </c>
      <c r="AJ32" s="349">
        <v>0.9</v>
      </c>
      <c r="AK32" s="129"/>
    </row>
    <row r="33" spans="1:37" s="326" customFormat="1" ht="14.25" customHeight="1" x14ac:dyDescent="0.15">
      <c r="A33" s="547"/>
      <c r="B33" s="365"/>
      <c r="C33" s="347" t="s">
        <v>227</v>
      </c>
      <c r="D33" s="348" t="s">
        <v>231</v>
      </c>
      <c r="E33" s="351">
        <v>99.4</v>
      </c>
      <c r="F33" s="352">
        <v>0.2</v>
      </c>
      <c r="G33" s="351">
        <v>103.9</v>
      </c>
      <c r="H33" s="351">
        <v>-0.8</v>
      </c>
      <c r="I33" s="351">
        <v>102.6</v>
      </c>
      <c r="J33" s="351">
        <v>1.4</v>
      </c>
      <c r="K33" s="351">
        <v>98.7</v>
      </c>
      <c r="L33" s="351">
        <v>4</v>
      </c>
      <c r="M33" s="351">
        <v>88.5</v>
      </c>
      <c r="N33" s="351">
        <v>0</v>
      </c>
      <c r="O33" s="351">
        <v>91.2</v>
      </c>
      <c r="P33" s="351">
        <v>-2</v>
      </c>
      <c r="Q33" s="351">
        <v>98.9</v>
      </c>
      <c r="R33" s="351">
        <v>-0.3</v>
      </c>
      <c r="S33" s="351">
        <v>75.5</v>
      </c>
      <c r="T33" s="351">
        <v>-7.8</v>
      </c>
      <c r="U33" s="351">
        <v>94.8</v>
      </c>
      <c r="V33" s="351">
        <v>0.2</v>
      </c>
      <c r="W33" s="351">
        <v>97.9</v>
      </c>
      <c r="X33" s="351">
        <v>-0.6</v>
      </c>
      <c r="Y33" s="351">
        <v>95.2</v>
      </c>
      <c r="Z33" s="351">
        <v>2.9</v>
      </c>
      <c r="AA33" s="351">
        <v>104.4</v>
      </c>
      <c r="AB33" s="351">
        <v>4.5999999999999996</v>
      </c>
      <c r="AC33" s="351">
        <v>103</v>
      </c>
      <c r="AD33" s="351">
        <v>1</v>
      </c>
      <c r="AE33" s="351">
        <v>102.3</v>
      </c>
      <c r="AF33" s="351">
        <v>-0.4</v>
      </c>
      <c r="AG33" s="361">
        <v>69</v>
      </c>
      <c r="AH33" s="361">
        <v>-13.4</v>
      </c>
      <c r="AI33" s="351">
        <v>103.8</v>
      </c>
      <c r="AJ33" s="351">
        <v>0.4</v>
      </c>
      <c r="AK33" s="129"/>
    </row>
    <row r="34" spans="1:37" s="326" customFormat="1" ht="14.25" customHeight="1" x14ac:dyDescent="0.15">
      <c r="A34" s="547"/>
      <c r="B34" s="365"/>
      <c r="C34" s="347"/>
      <c r="D34" s="348"/>
      <c r="E34" s="351"/>
      <c r="F34" s="352"/>
      <c r="G34" s="351"/>
      <c r="H34" s="351"/>
      <c r="I34" s="351"/>
      <c r="J34" s="351"/>
      <c r="K34" s="351"/>
      <c r="L34" s="351"/>
      <c r="M34" s="351"/>
      <c r="N34" s="351"/>
      <c r="O34" s="351"/>
      <c r="P34" s="351"/>
      <c r="Q34" s="351"/>
      <c r="R34" s="351"/>
      <c r="S34" s="351"/>
      <c r="T34" s="351"/>
      <c r="U34" s="351"/>
      <c r="V34" s="351"/>
      <c r="W34" s="351"/>
      <c r="X34" s="351"/>
      <c r="Y34" s="351"/>
      <c r="Z34" s="351"/>
      <c r="AA34" s="351"/>
      <c r="AB34" s="351"/>
      <c r="AC34" s="351"/>
      <c r="AD34" s="351"/>
      <c r="AE34" s="351"/>
      <c r="AF34" s="351"/>
      <c r="AG34" s="361"/>
      <c r="AH34" s="361"/>
      <c r="AI34" s="351"/>
      <c r="AJ34" s="351"/>
      <c r="AK34" s="129"/>
    </row>
    <row r="35" spans="1:37" s="326" customFormat="1" ht="15" customHeight="1" x14ac:dyDescent="0.15">
      <c r="A35" s="547"/>
      <c r="B35" s="596" t="s">
        <v>48</v>
      </c>
      <c r="C35" s="347" t="s">
        <v>208</v>
      </c>
      <c r="D35" s="348" t="s">
        <v>232</v>
      </c>
      <c r="E35" s="349">
        <v>99.6</v>
      </c>
      <c r="F35" s="350">
        <v>0.7</v>
      </c>
      <c r="G35" s="349">
        <v>105.3</v>
      </c>
      <c r="H35" s="349">
        <v>1.9</v>
      </c>
      <c r="I35" s="349">
        <v>101.3</v>
      </c>
      <c r="J35" s="349">
        <v>2.2000000000000002</v>
      </c>
      <c r="K35" s="349">
        <v>99.3</v>
      </c>
      <c r="L35" s="349">
        <v>2.2999999999999998</v>
      </c>
      <c r="M35" s="349">
        <v>87.1</v>
      </c>
      <c r="N35" s="349">
        <v>-1.9</v>
      </c>
      <c r="O35" s="349">
        <v>91.7</v>
      </c>
      <c r="P35" s="349">
        <v>-0.1</v>
      </c>
      <c r="Q35" s="349">
        <v>99.8</v>
      </c>
      <c r="R35" s="349">
        <v>1.5</v>
      </c>
      <c r="S35" s="349">
        <v>72.599999999999994</v>
      </c>
      <c r="T35" s="349">
        <v>-5.6</v>
      </c>
      <c r="U35" s="349">
        <v>95.2</v>
      </c>
      <c r="V35" s="349">
        <v>-0.1</v>
      </c>
      <c r="W35" s="349">
        <v>97.6</v>
      </c>
      <c r="X35" s="349">
        <v>-0.6</v>
      </c>
      <c r="Y35" s="349">
        <v>97.7</v>
      </c>
      <c r="Z35" s="349">
        <v>2.4</v>
      </c>
      <c r="AA35" s="349">
        <v>103.6</v>
      </c>
      <c r="AB35" s="349">
        <v>-0.5</v>
      </c>
      <c r="AC35" s="349">
        <v>103.2</v>
      </c>
      <c r="AD35" s="349">
        <v>-0.8</v>
      </c>
      <c r="AE35" s="349">
        <v>102.4</v>
      </c>
      <c r="AF35" s="349">
        <v>-0.1</v>
      </c>
      <c r="AG35" s="360" t="s">
        <v>19</v>
      </c>
      <c r="AH35" s="360" t="s">
        <v>19</v>
      </c>
      <c r="AI35" s="349">
        <v>105</v>
      </c>
      <c r="AJ35" s="349">
        <v>1.7</v>
      </c>
      <c r="AK35" s="129"/>
    </row>
    <row r="36" spans="1:37" s="326" customFormat="1" ht="15" customHeight="1" x14ac:dyDescent="0.15">
      <c r="A36" s="547"/>
      <c r="B36" s="596"/>
      <c r="C36" s="347" t="s">
        <v>0</v>
      </c>
      <c r="D36" s="348" t="s">
        <v>233</v>
      </c>
      <c r="E36" s="351">
        <v>99.5</v>
      </c>
      <c r="F36" s="352">
        <v>0.7</v>
      </c>
      <c r="G36" s="351">
        <v>105.2</v>
      </c>
      <c r="H36" s="351">
        <v>1.6</v>
      </c>
      <c r="I36" s="351">
        <v>101.6</v>
      </c>
      <c r="J36" s="351">
        <v>4.7</v>
      </c>
      <c r="K36" s="351">
        <v>99.1</v>
      </c>
      <c r="L36" s="351">
        <v>2.1</v>
      </c>
      <c r="M36" s="351">
        <v>86.7</v>
      </c>
      <c r="N36" s="351">
        <v>-2.1</v>
      </c>
      <c r="O36" s="351">
        <v>92.4</v>
      </c>
      <c r="P36" s="351">
        <v>0.9</v>
      </c>
      <c r="Q36" s="351">
        <v>99.4</v>
      </c>
      <c r="R36" s="351">
        <v>1</v>
      </c>
      <c r="S36" s="351">
        <v>72.3</v>
      </c>
      <c r="T36" s="351">
        <v>-5.9</v>
      </c>
      <c r="U36" s="351">
        <v>95.3</v>
      </c>
      <c r="V36" s="351">
        <v>0.3</v>
      </c>
      <c r="W36" s="351">
        <v>97.4</v>
      </c>
      <c r="X36" s="351">
        <v>-0.7</v>
      </c>
      <c r="Y36" s="351">
        <v>98.5</v>
      </c>
      <c r="Z36" s="351">
        <v>2.2000000000000002</v>
      </c>
      <c r="AA36" s="351">
        <v>104.4</v>
      </c>
      <c r="AB36" s="351">
        <v>0</v>
      </c>
      <c r="AC36" s="351">
        <v>103.2</v>
      </c>
      <c r="AD36" s="351">
        <v>-1.6</v>
      </c>
      <c r="AE36" s="351">
        <v>101.3</v>
      </c>
      <c r="AF36" s="351">
        <v>-1.3</v>
      </c>
      <c r="AG36" s="361" t="s">
        <v>19</v>
      </c>
      <c r="AH36" s="361" t="s">
        <v>19</v>
      </c>
      <c r="AI36" s="351">
        <v>105.2</v>
      </c>
      <c r="AJ36" s="351">
        <v>1.8</v>
      </c>
      <c r="AK36" s="129"/>
    </row>
    <row r="37" spans="1:37" s="326" customFormat="1" ht="15" customHeight="1" x14ac:dyDescent="0.15">
      <c r="A37" s="547"/>
      <c r="B37" s="596"/>
      <c r="C37" s="347" t="s">
        <v>234</v>
      </c>
      <c r="D37" s="348" t="s">
        <v>235</v>
      </c>
      <c r="E37" s="349">
        <v>99.3</v>
      </c>
      <c r="F37" s="350">
        <v>0.5</v>
      </c>
      <c r="G37" s="349">
        <v>104.7</v>
      </c>
      <c r="H37" s="349">
        <v>1.2</v>
      </c>
      <c r="I37" s="349">
        <v>101.3</v>
      </c>
      <c r="J37" s="349">
        <v>-0.2</v>
      </c>
      <c r="K37" s="349">
        <v>99</v>
      </c>
      <c r="L37" s="349">
        <v>1.1000000000000001</v>
      </c>
      <c r="M37" s="349">
        <v>86.9</v>
      </c>
      <c r="N37" s="349">
        <v>-1.7</v>
      </c>
      <c r="O37" s="349">
        <v>92.7</v>
      </c>
      <c r="P37" s="349">
        <v>1.8</v>
      </c>
      <c r="Q37" s="349">
        <v>98.5</v>
      </c>
      <c r="R37" s="349">
        <v>0.6</v>
      </c>
      <c r="S37" s="349">
        <v>71.599999999999994</v>
      </c>
      <c r="T37" s="349">
        <v>-6.2</v>
      </c>
      <c r="U37" s="349">
        <v>95.4</v>
      </c>
      <c r="V37" s="349">
        <v>0.6</v>
      </c>
      <c r="W37" s="349">
        <v>97.2</v>
      </c>
      <c r="X37" s="349">
        <v>-0.2</v>
      </c>
      <c r="Y37" s="349">
        <v>97.3</v>
      </c>
      <c r="Z37" s="349">
        <v>1.9</v>
      </c>
      <c r="AA37" s="349">
        <v>104.6</v>
      </c>
      <c r="AB37" s="349">
        <v>0.4</v>
      </c>
      <c r="AC37" s="349">
        <v>102.6</v>
      </c>
      <c r="AD37" s="349">
        <v>-2.4</v>
      </c>
      <c r="AE37" s="349">
        <v>101.4</v>
      </c>
      <c r="AF37" s="349">
        <v>-0.6</v>
      </c>
      <c r="AG37" s="360">
        <v>82.3</v>
      </c>
      <c r="AH37" s="360">
        <v>340.1</v>
      </c>
      <c r="AI37" s="349">
        <v>104.9</v>
      </c>
      <c r="AJ37" s="349">
        <v>2.6</v>
      </c>
      <c r="AK37" s="129"/>
    </row>
    <row r="38" spans="1:37" s="326" customFormat="1" ht="15" customHeight="1" x14ac:dyDescent="0.15">
      <c r="A38" s="547"/>
      <c r="B38" s="596"/>
      <c r="C38" s="347" t="s">
        <v>0</v>
      </c>
      <c r="D38" s="348" t="s">
        <v>236</v>
      </c>
      <c r="E38" s="351">
        <v>98.8</v>
      </c>
      <c r="F38" s="352">
        <v>0</v>
      </c>
      <c r="G38" s="351">
        <v>103.5</v>
      </c>
      <c r="H38" s="351">
        <v>0.6</v>
      </c>
      <c r="I38" s="351">
        <v>102.2</v>
      </c>
      <c r="J38" s="351">
        <v>1.7</v>
      </c>
      <c r="K38" s="351">
        <v>98.5</v>
      </c>
      <c r="L38" s="351">
        <v>2.2000000000000002</v>
      </c>
      <c r="M38" s="351">
        <v>86.6</v>
      </c>
      <c r="N38" s="351">
        <v>-1.8</v>
      </c>
      <c r="O38" s="351">
        <v>89.7</v>
      </c>
      <c r="P38" s="351">
        <v>-1.4</v>
      </c>
      <c r="Q38" s="351">
        <v>98.3</v>
      </c>
      <c r="R38" s="351">
        <v>0.1</v>
      </c>
      <c r="S38" s="351">
        <v>70.7</v>
      </c>
      <c r="T38" s="351">
        <v>-8.4</v>
      </c>
      <c r="U38" s="351">
        <v>95.3</v>
      </c>
      <c r="V38" s="351">
        <v>1.1000000000000001</v>
      </c>
      <c r="W38" s="351">
        <v>97.2</v>
      </c>
      <c r="X38" s="351">
        <v>-0.1</v>
      </c>
      <c r="Y38" s="351">
        <v>95.8</v>
      </c>
      <c r="Z38" s="351">
        <v>2.5</v>
      </c>
      <c r="AA38" s="351">
        <v>102.3</v>
      </c>
      <c r="AB38" s="351">
        <v>-2.2999999999999998</v>
      </c>
      <c r="AC38" s="351">
        <v>101.8</v>
      </c>
      <c r="AD38" s="351">
        <v>-2.2999999999999998</v>
      </c>
      <c r="AE38" s="351">
        <v>101.3</v>
      </c>
      <c r="AF38" s="351">
        <v>-0.4</v>
      </c>
      <c r="AG38" s="361">
        <v>69</v>
      </c>
      <c r="AH38" s="361">
        <v>-16.5</v>
      </c>
      <c r="AI38" s="351">
        <v>105.2</v>
      </c>
      <c r="AJ38" s="351">
        <v>1.7</v>
      </c>
      <c r="AK38" s="129"/>
    </row>
    <row r="39" spans="1:37" s="326" customFormat="1" ht="15" customHeight="1" x14ac:dyDescent="0.15">
      <c r="A39" s="547"/>
      <c r="B39" s="596"/>
      <c r="C39" s="347" t="s">
        <v>0</v>
      </c>
      <c r="D39" s="348" t="s">
        <v>237</v>
      </c>
      <c r="E39" s="349">
        <v>98</v>
      </c>
      <c r="F39" s="350">
        <v>-0.6</v>
      </c>
      <c r="G39" s="349">
        <v>103.2</v>
      </c>
      <c r="H39" s="349">
        <v>0.6</v>
      </c>
      <c r="I39" s="349">
        <v>102.1</v>
      </c>
      <c r="J39" s="349">
        <v>0.7</v>
      </c>
      <c r="K39" s="349">
        <v>98.9</v>
      </c>
      <c r="L39" s="349">
        <v>-0.4</v>
      </c>
      <c r="M39" s="349">
        <v>85.8</v>
      </c>
      <c r="N39" s="349">
        <v>-2.2000000000000002</v>
      </c>
      <c r="O39" s="349">
        <v>89.3</v>
      </c>
      <c r="P39" s="349">
        <v>-1.2</v>
      </c>
      <c r="Q39" s="349">
        <v>97.6</v>
      </c>
      <c r="R39" s="349">
        <v>-0.2</v>
      </c>
      <c r="S39" s="349">
        <v>71</v>
      </c>
      <c r="T39" s="349">
        <v>-6.8</v>
      </c>
      <c r="U39" s="349">
        <v>95.2</v>
      </c>
      <c r="V39" s="349">
        <v>1.5</v>
      </c>
      <c r="W39" s="349">
        <v>96.9</v>
      </c>
      <c r="X39" s="349">
        <v>-1.8</v>
      </c>
      <c r="Y39" s="349">
        <v>94.1</v>
      </c>
      <c r="Z39" s="349">
        <v>2.1</v>
      </c>
      <c r="AA39" s="349">
        <v>104.1</v>
      </c>
      <c r="AB39" s="349">
        <v>2.2999999999999998</v>
      </c>
      <c r="AC39" s="349">
        <v>99.4</v>
      </c>
      <c r="AD39" s="349">
        <v>-3.8</v>
      </c>
      <c r="AE39" s="349">
        <v>99.7</v>
      </c>
      <c r="AF39" s="349">
        <v>-1.8</v>
      </c>
      <c r="AG39" s="360">
        <v>67.900000000000006</v>
      </c>
      <c r="AH39" s="360">
        <v>-17.600000000000001</v>
      </c>
      <c r="AI39" s="349">
        <v>104.2</v>
      </c>
      <c r="AJ39" s="349">
        <v>1.3</v>
      </c>
      <c r="AK39" s="129"/>
    </row>
    <row r="40" spans="1:37" s="326" customFormat="1" ht="15" customHeight="1" x14ac:dyDescent="0.15">
      <c r="A40" s="547"/>
      <c r="B40" s="23">
        <v>30</v>
      </c>
      <c r="C40" s="347" t="s">
        <v>0</v>
      </c>
      <c r="D40" s="348" t="s">
        <v>238</v>
      </c>
      <c r="E40" s="351">
        <v>99.5</v>
      </c>
      <c r="F40" s="352">
        <v>-0.3</v>
      </c>
      <c r="G40" s="351">
        <v>102.9</v>
      </c>
      <c r="H40" s="351">
        <v>-0.5</v>
      </c>
      <c r="I40" s="351">
        <v>103.8</v>
      </c>
      <c r="J40" s="351">
        <v>0.3</v>
      </c>
      <c r="K40" s="351">
        <v>103</v>
      </c>
      <c r="L40" s="351">
        <v>3.8</v>
      </c>
      <c r="M40" s="351">
        <v>89.6</v>
      </c>
      <c r="N40" s="351">
        <v>0</v>
      </c>
      <c r="O40" s="351">
        <v>91.6</v>
      </c>
      <c r="P40" s="351">
        <v>1.1000000000000001</v>
      </c>
      <c r="Q40" s="351">
        <v>97.6</v>
      </c>
      <c r="R40" s="351">
        <v>-1</v>
      </c>
      <c r="S40" s="351">
        <v>73.099999999999994</v>
      </c>
      <c r="T40" s="351">
        <v>-4.2</v>
      </c>
      <c r="U40" s="351">
        <v>97.9</v>
      </c>
      <c r="V40" s="351">
        <v>2.8</v>
      </c>
      <c r="W40" s="351">
        <v>98.2</v>
      </c>
      <c r="X40" s="351">
        <v>-1.4</v>
      </c>
      <c r="Y40" s="351">
        <v>94</v>
      </c>
      <c r="Z40" s="351">
        <v>2.1</v>
      </c>
      <c r="AA40" s="351">
        <v>104.6</v>
      </c>
      <c r="AB40" s="351">
        <v>1.4</v>
      </c>
      <c r="AC40" s="351">
        <v>101.4</v>
      </c>
      <c r="AD40" s="351">
        <v>-0.4</v>
      </c>
      <c r="AE40" s="351">
        <v>102.2</v>
      </c>
      <c r="AF40" s="351">
        <v>-2.2999999999999998</v>
      </c>
      <c r="AG40" s="361">
        <v>69.3</v>
      </c>
      <c r="AH40" s="361">
        <v>-13.9</v>
      </c>
      <c r="AI40" s="351">
        <v>105.3</v>
      </c>
      <c r="AJ40" s="351">
        <v>1.1000000000000001</v>
      </c>
      <c r="AK40" s="129"/>
    </row>
    <row r="41" spans="1:37" s="326" customFormat="1" ht="15" customHeight="1" x14ac:dyDescent="0.15">
      <c r="A41" s="547"/>
      <c r="B41" s="597" t="s">
        <v>209</v>
      </c>
      <c r="C41" s="347" t="s">
        <v>0</v>
      </c>
      <c r="D41" s="348" t="s">
        <v>239</v>
      </c>
      <c r="E41" s="349">
        <v>99.6</v>
      </c>
      <c r="F41" s="350">
        <v>-0.2</v>
      </c>
      <c r="G41" s="349">
        <v>102.5</v>
      </c>
      <c r="H41" s="349">
        <v>-0.1</v>
      </c>
      <c r="I41" s="349">
        <v>101.6</v>
      </c>
      <c r="J41" s="349">
        <v>-2.5</v>
      </c>
      <c r="K41" s="349">
        <v>103.4</v>
      </c>
      <c r="L41" s="349">
        <v>4.2</v>
      </c>
      <c r="M41" s="349">
        <v>89.4</v>
      </c>
      <c r="N41" s="349">
        <v>-0.8</v>
      </c>
      <c r="O41" s="349">
        <v>91.8</v>
      </c>
      <c r="P41" s="349">
        <v>1.2</v>
      </c>
      <c r="Q41" s="349">
        <v>97.6</v>
      </c>
      <c r="R41" s="349">
        <v>-1</v>
      </c>
      <c r="S41" s="349">
        <v>74.099999999999994</v>
      </c>
      <c r="T41" s="349">
        <v>-2.5</v>
      </c>
      <c r="U41" s="349">
        <v>97.8</v>
      </c>
      <c r="V41" s="349">
        <v>2.9</v>
      </c>
      <c r="W41" s="349">
        <v>98.5</v>
      </c>
      <c r="X41" s="349">
        <v>-0.4</v>
      </c>
      <c r="Y41" s="349">
        <v>94.1</v>
      </c>
      <c r="Z41" s="349">
        <v>1.2</v>
      </c>
      <c r="AA41" s="349">
        <v>105.3</v>
      </c>
      <c r="AB41" s="349">
        <v>0.8</v>
      </c>
      <c r="AC41" s="349">
        <v>105.4</v>
      </c>
      <c r="AD41" s="349">
        <v>2.4</v>
      </c>
      <c r="AE41" s="349">
        <v>102</v>
      </c>
      <c r="AF41" s="349">
        <v>-0.9</v>
      </c>
      <c r="AG41" s="360">
        <v>82</v>
      </c>
      <c r="AH41" s="360">
        <v>2</v>
      </c>
      <c r="AI41" s="349">
        <v>105.6</v>
      </c>
      <c r="AJ41" s="349">
        <v>1.3</v>
      </c>
      <c r="AK41" s="129"/>
    </row>
    <row r="42" spans="1:37" s="326" customFormat="1" ht="15" customHeight="1" x14ac:dyDescent="0.15">
      <c r="A42" s="547"/>
      <c r="B42" s="597"/>
      <c r="C42" s="347" t="s">
        <v>0</v>
      </c>
      <c r="D42" s="348" t="s">
        <v>240</v>
      </c>
      <c r="E42" s="351">
        <v>99.9</v>
      </c>
      <c r="F42" s="352">
        <v>-0.1</v>
      </c>
      <c r="G42" s="351">
        <v>102.7</v>
      </c>
      <c r="H42" s="351">
        <v>1</v>
      </c>
      <c r="I42" s="351">
        <v>104</v>
      </c>
      <c r="J42" s="351">
        <v>0.8</v>
      </c>
      <c r="K42" s="351">
        <v>104</v>
      </c>
      <c r="L42" s="351">
        <v>4.2</v>
      </c>
      <c r="M42" s="351">
        <v>88.6</v>
      </c>
      <c r="N42" s="351">
        <v>-0.7</v>
      </c>
      <c r="O42" s="351">
        <v>93.3</v>
      </c>
      <c r="P42" s="351">
        <v>2</v>
      </c>
      <c r="Q42" s="351">
        <v>97.8</v>
      </c>
      <c r="R42" s="351">
        <v>-1.7</v>
      </c>
      <c r="S42" s="351">
        <v>74</v>
      </c>
      <c r="T42" s="351">
        <v>-2.2000000000000002</v>
      </c>
      <c r="U42" s="351">
        <v>97.5</v>
      </c>
      <c r="V42" s="351">
        <v>3.1</v>
      </c>
      <c r="W42" s="351">
        <v>97.8</v>
      </c>
      <c r="X42" s="351">
        <v>0.1</v>
      </c>
      <c r="Y42" s="351">
        <v>92.9</v>
      </c>
      <c r="Z42" s="351">
        <v>-3.2</v>
      </c>
      <c r="AA42" s="351">
        <v>106</v>
      </c>
      <c r="AB42" s="351">
        <v>1.7</v>
      </c>
      <c r="AC42" s="351">
        <v>106.4</v>
      </c>
      <c r="AD42" s="351">
        <v>2.6</v>
      </c>
      <c r="AE42" s="351">
        <v>101.2</v>
      </c>
      <c r="AF42" s="351">
        <v>-1.9</v>
      </c>
      <c r="AG42" s="361">
        <v>82.5</v>
      </c>
      <c r="AH42" s="361">
        <v>2.2000000000000002</v>
      </c>
      <c r="AI42" s="351">
        <v>105.4</v>
      </c>
      <c r="AJ42" s="351">
        <v>1.1000000000000001</v>
      </c>
      <c r="AK42" s="129"/>
    </row>
    <row r="43" spans="1:37" s="326" customFormat="1" ht="15" customHeight="1" x14ac:dyDescent="0.15">
      <c r="A43" s="547"/>
      <c r="B43" s="597"/>
      <c r="C43" s="347" t="s">
        <v>0</v>
      </c>
      <c r="D43" s="348" t="s">
        <v>241</v>
      </c>
      <c r="E43" s="349">
        <v>99.8</v>
      </c>
      <c r="F43" s="350">
        <v>-0.2</v>
      </c>
      <c r="G43" s="349">
        <v>103</v>
      </c>
      <c r="H43" s="349">
        <v>-1.2</v>
      </c>
      <c r="I43" s="349">
        <v>103.5</v>
      </c>
      <c r="J43" s="349">
        <v>-0.7</v>
      </c>
      <c r="K43" s="349">
        <v>102.6</v>
      </c>
      <c r="L43" s="349">
        <v>3.8</v>
      </c>
      <c r="M43" s="349">
        <v>88.2</v>
      </c>
      <c r="N43" s="349">
        <v>-1.2</v>
      </c>
      <c r="O43" s="349">
        <v>92.6</v>
      </c>
      <c r="P43" s="349">
        <v>0.8</v>
      </c>
      <c r="Q43" s="349">
        <v>97.8</v>
      </c>
      <c r="R43" s="349">
        <v>-1.4</v>
      </c>
      <c r="S43" s="349">
        <v>73.599999999999994</v>
      </c>
      <c r="T43" s="349">
        <v>-4</v>
      </c>
      <c r="U43" s="349">
        <v>97.8</v>
      </c>
      <c r="V43" s="349">
        <v>2.9</v>
      </c>
      <c r="W43" s="349">
        <v>97.7</v>
      </c>
      <c r="X43" s="349">
        <v>0.2</v>
      </c>
      <c r="Y43" s="349">
        <v>93.8</v>
      </c>
      <c r="Z43" s="349">
        <v>-3.3</v>
      </c>
      <c r="AA43" s="349">
        <v>107.2</v>
      </c>
      <c r="AB43" s="349">
        <v>1.4</v>
      </c>
      <c r="AC43" s="349">
        <v>106.3</v>
      </c>
      <c r="AD43" s="349">
        <v>3.7</v>
      </c>
      <c r="AE43" s="349">
        <v>101.3</v>
      </c>
      <c r="AF43" s="349">
        <v>-0.8</v>
      </c>
      <c r="AG43" s="360">
        <v>82.3</v>
      </c>
      <c r="AH43" s="360">
        <v>1.7</v>
      </c>
      <c r="AI43" s="349">
        <v>105.5</v>
      </c>
      <c r="AJ43" s="349">
        <v>1.2</v>
      </c>
      <c r="AK43" s="129"/>
    </row>
    <row r="44" spans="1:37" s="326" customFormat="1" ht="15" customHeight="1" x14ac:dyDescent="0.15">
      <c r="A44" s="547"/>
      <c r="B44" s="365"/>
      <c r="C44" s="347" t="s">
        <v>0</v>
      </c>
      <c r="D44" s="348" t="s">
        <v>242</v>
      </c>
      <c r="E44" s="351">
        <v>99.2</v>
      </c>
      <c r="F44" s="352">
        <v>-0.4</v>
      </c>
      <c r="G44" s="351">
        <v>102.2</v>
      </c>
      <c r="H44" s="351">
        <v>-2</v>
      </c>
      <c r="I44" s="351">
        <v>101.1</v>
      </c>
      <c r="J44" s="351">
        <v>-2.7</v>
      </c>
      <c r="K44" s="351">
        <v>102.4</v>
      </c>
      <c r="L44" s="351">
        <v>4.9000000000000004</v>
      </c>
      <c r="M44" s="351">
        <v>87.5</v>
      </c>
      <c r="N44" s="351">
        <v>-1.9</v>
      </c>
      <c r="O44" s="351">
        <v>91.5</v>
      </c>
      <c r="P44" s="351">
        <v>-0.3</v>
      </c>
      <c r="Q44" s="351">
        <v>98.1</v>
      </c>
      <c r="R44" s="351">
        <v>-1</v>
      </c>
      <c r="S44" s="351">
        <v>72.2</v>
      </c>
      <c r="T44" s="351">
        <v>-6.4</v>
      </c>
      <c r="U44" s="351">
        <v>97.7</v>
      </c>
      <c r="V44" s="351">
        <v>2.7</v>
      </c>
      <c r="W44" s="351">
        <v>97.8</v>
      </c>
      <c r="X44" s="351">
        <v>0.3</v>
      </c>
      <c r="Y44" s="351">
        <v>94.1</v>
      </c>
      <c r="Z44" s="351">
        <v>-1.2</v>
      </c>
      <c r="AA44" s="351">
        <v>107.6</v>
      </c>
      <c r="AB44" s="351">
        <v>1.9</v>
      </c>
      <c r="AC44" s="351">
        <v>105.7</v>
      </c>
      <c r="AD44" s="351">
        <v>4.2</v>
      </c>
      <c r="AE44" s="351">
        <v>101</v>
      </c>
      <c r="AF44" s="351">
        <v>-0.7</v>
      </c>
      <c r="AG44" s="361">
        <v>81.900000000000006</v>
      </c>
      <c r="AH44" s="361">
        <v>0.5</v>
      </c>
      <c r="AI44" s="351">
        <v>105.2</v>
      </c>
      <c r="AJ44" s="351">
        <v>1.7</v>
      </c>
      <c r="AK44" s="129"/>
    </row>
    <row r="45" spans="1:37" s="326" customFormat="1" ht="15" customHeight="1" x14ac:dyDescent="0.15">
      <c r="A45" s="547"/>
      <c r="B45" s="365"/>
      <c r="C45" s="347" t="s">
        <v>0</v>
      </c>
      <c r="D45" s="348" t="s">
        <v>243</v>
      </c>
      <c r="E45" s="349">
        <v>99.3</v>
      </c>
      <c r="F45" s="350">
        <v>0.1</v>
      </c>
      <c r="G45" s="349">
        <v>102.2</v>
      </c>
      <c r="H45" s="349">
        <v>-2.7</v>
      </c>
      <c r="I45" s="349">
        <v>103.2</v>
      </c>
      <c r="J45" s="349">
        <v>-0.4</v>
      </c>
      <c r="K45" s="349">
        <v>102.5</v>
      </c>
      <c r="L45" s="349">
        <v>4.3</v>
      </c>
      <c r="M45" s="349">
        <v>87.3</v>
      </c>
      <c r="N45" s="349">
        <v>-1.8</v>
      </c>
      <c r="O45" s="349">
        <v>92</v>
      </c>
      <c r="P45" s="349">
        <v>1.4</v>
      </c>
      <c r="Q45" s="349">
        <v>98</v>
      </c>
      <c r="R45" s="349">
        <v>-1.1000000000000001</v>
      </c>
      <c r="S45" s="349">
        <v>72.2</v>
      </c>
      <c r="T45" s="349">
        <v>-5.9</v>
      </c>
      <c r="U45" s="349">
        <v>97.9</v>
      </c>
      <c r="V45" s="349">
        <v>3.4</v>
      </c>
      <c r="W45" s="349">
        <v>95.3</v>
      </c>
      <c r="X45" s="349">
        <v>-2.2999999999999998</v>
      </c>
      <c r="Y45" s="349">
        <v>93.4</v>
      </c>
      <c r="Z45" s="349">
        <v>-1.9</v>
      </c>
      <c r="AA45" s="349">
        <v>107.1</v>
      </c>
      <c r="AB45" s="349">
        <v>0.8</v>
      </c>
      <c r="AC45" s="349">
        <v>104.6</v>
      </c>
      <c r="AD45" s="349">
        <v>2.8</v>
      </c>
      <c r="AE45" s="349">
        <v>101.2</v>
      </c>
      <c r="AF45" s="349">
        <v>-0.7</v>
      </c>
      <c r="AG45" s="360">
        <v>81.3</v>
      </c>
      <c r="AH45" s="349">
        <v>310.60000000000002</v>
      </c>
      <c r="AI45" s="349">
        <v>105.1</v>
      </c>
      <c r="AJ45" s="349">
        <v>1.9</v>
      </c>
      <c r="AK45" s="129"/>
    </row>
    <row r="46" spans="1:37" s="326" customFormat="1" ht="15" customHeight="1" x14ac:dyDescent="0.15">
      <c r="A46" s="547"/>
      <c r="B46" s="365"/>
      <c r="C46" s="347" t="s">
        <v>0</v>
      </c>
      <c r="D46" s="348" t="s">
        <v>244</v>
      </c>
      <c r="E46" s="351">
        <v>99.2</v>
      </c>
      <c r="F46" s="352">
        <v>-0.2</v>
      </c>
      <c r="G46" s="351">
        <v>102.4</v>
      </c>
      <c r="H46" s="351">
        <v>-2.9</v>
      </c>
      <c r="I46" s="351">
        <v>103.1</v>
      </c>
      <c r="J46" s="351">
        <v>1.4</v>
      </c>
      <c r="K46" s="351">
        <v>103.2</v>
      </c>
      <c r="L46" s="351">
        <v>4.0999999999999996</v>
      </c>
      <c r="M46" s="351">
        <v>87.5</v>
      </c>
      <c r="N46" s="351">
        <v>-0.5</v>
      </c>
      <c r="O46" s="351">
        <v>91.9</v>
      </c>
      <c r="P46" s="351">
        <v>1.3</v>
      </c>
      <c r="Q46" s="351">
        <v>97.8</v>
      </c>
      <c r="R46" s="351">
        <v>-1.8</v>
      </c>
      <c r="S46" s="351">
        <v>72.099999999999994</v>
      </c>
      <c r="T46" s="351">
        <v>-0.8</v>
      </c>
      <c r="U46" s="351">
        <v>97.4</v>
      </c>
      <c r="V46" s="351">
        <v>2.6</v>
      </c>
      <c r="W46" s="351">
        <v>95.7</v>
      </c>
      <c r="X46" s="351">
        <v>-2.1</v>
      </c>
      <c r="Y46" s="351">
        <v>92.8</v>
      </c>
      <c r="Z46" s="351">
        <v>-4.2</v>
      </c>
      <c r="AA46" s="351">
        <v>107.7</v>
      </c>
      <c r="AB46" s="351">
        <v>3.7</v>
      </c>
      <c r="AC46" s="351">
        <v>106.7</v>
      </c>
      <c r="AD46" s="351">
        <v>3.8</v>
      </c>
      <c r="AE46" s="351">
        <v>100.8</v>
      </c>
      <c r="AF46" s="351">
        <v>-1.6</v>
      </c>
      <c r="AG46" s="351">
        <v>68.400000000000006</v>
      </c>
      <c r="AH46" s="351">
        <v>-0.6</v>
      </c>
      <c r="AI46" s="351">
        <v>104.5</v>
      </c>
      <c r="AJ46" s="351">
        <v>0.4</v>
      </c>
      <c r="AK46" s="129"/>
    </row>
    <row r="47" spans="1:37" s="326" customFormat="1" ht="14.25" customHeight="1" x14ac:dyDescent="0.15">
      <c r="A47" s="547"/>
      <c r="B47" s="365"/>
      <c r="C47" s="347"/>
      <c r="D47" s="348"/>
      <c r="E47" s="351"/>
      <c r="F47" s="352"/>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61"/>
      <c r="AH47" s="361"/>
      <c r="AI47" s="351"/>
      <c r="AJ47" s="351"/>
      <c r="AK47" s="129"/>
    </row>
    <row r="48" spans="1:37" s="326" customFormat="1" ht="14.25" customHeight="1" x14ac:dyDescent="0.15">
      <c r="A48" s="547"/>
      <c r="B48" s="365"/>
      <c r="C48" s="347" t="s">
        <v>234</v>
      </c>
      <c r="D48" s="348" t="s">
        <v>232</v>
      </c>
      <c r="E48" s="349">
        <v>98.8</v>
      </c>
      <c r="F48" s="350">
        <v>-0.8</v>
      </c>
      <c r="G48" s="349">
        <v>101.3</v>
      </c>
      <c r="H48" s="349">
        <v>-3.8</v>
      </c>
      <c r="I48" s="349">
        <v>100.9</v>
      </c>
      <c r="J48" s="349">
        <v>-0.4</v>
      </c>
      <c r="K48" s="349">
        <v>103</v>
      </c>
      <c r="L48" s="349">
        <v>3.7</v>
      </c>
      <c r="M48" s="349">
        <v>88.4</v>
      </c>
      <c r="N48" s="349">
        <v>1.5</v>
      </c>
      <c r="O48" s="349">
        <v>91.1</v>
      </c>
      <c r="P48" s="349">
        <v>-0.7</v>
      </c>
      <c r="Q48" s="349">
        <v>97.7</v>
      </c>
      <c r="R48" s="349">
        <v>-2.1</v>
      </c>
      <c r="S48" s="349">
        <v>72.599999999999994</v>
      </c>
      <c r="T48" s="349">
        <v>0</v>
      </c>
      <c r="U48" s="349">
        <v>97.4</v>
      </c>
      <c r="V48" s="349">
        <v>2.2999999999999998</v>
      </c>
      <c r="W48" s="349">
        <v>95.5</v>
      </c>
      <c r="X48" s="349">
        <v>-2.2000000000000002</v>
      </c>
      <c r="Y48" s="349">
        <v>92.9</v>
      </c>
      <c r="Z48" s="349">
        <v>-4.9000000000000004</v>
      </c>
      <c r="AA48" s="349">
        <v>108.1</v>
      </c>
      <c r="AB48" s="349">
        <v>4.3</v>
      </c>
      <c r="AC48" s="349">
        <v>107.4</v>
      </c>
      <c r="AD48" s="349">
        <v>4.0999999999999996</v>
      </c>
      <c r="AE48" s="349">
        <v>100.6</v>
      </c>
      <c r="AF48" s="349">
        <v>-1.8</v>
      </c>
      <c r="AG48" s="349">
        <v>68.400000000000006</v>
      </c>
      <c r="AH48" s="349">
        <v>-17.100000000000001</v>
      </c>
      <c r="AI48" s="349">
        <v>104.2</v>
      </c>
      <c r="AJ48" s="349">
        <v>-0.8</v>
      </c>
      <c r="AK48" s="129"/>
    </row>
    <row r="49" spans="1:36" ht="11.25" customHeight="1" thickBot="1" x14ac:dyDescent="0.2">
      <c r="A49" s="547"/>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7"/>
      <c r="C50" s="598" t="s">
        <v>210</v>
      </c>
      <c r="D50" s="599"/>
      <c r="E50" s="599"/>
      <c r="F50" s="599"/>
      <c r="G50" s="599"/>
      <c r="H50" s="599"/>
      <c r="I50" s="599"/>
      <c r="J50" s="599"/>
      <c r="K50" s="599"/>
      <c r="L50" s="599"/>
      <c r="M50" s="600"/>
      <c r="N50" s="600"/>
      <c r="O50" s="600"/>
      <c r="P50" s="600"/>
      <c r="Q50" s="600"/>
      <c r="R50" s="600"/>
      <c r="S50" s="600"/>
      <c r="T50" s="600"/>
      <c r="U50" s="600"/>
      <c r="V50" s="600"/>
      <c r="W50" s="600"/>
      <c r="X50" s="600"/>
      <c r="Y50" s="600"/>
      <c r="Z50" s="600"/>
      <c r="AA50" s="600"/>
      <c r="AB50" s="600"/>
      <c r="AC50" s="600"/>
      <c r="AD50" s="600"/>
      <c r="AE50" s="600"/>
      <c r="AF50" s="600"/>
      <c r="AJ50" s="457"/>
    </row>
  </sheetData>
  <sheetProtection selectLockedCells="1" selectUnlockedCells="1"/>
  <protectedRanges>
    <protectedRange sqref="AI26:AJ26" name="範囲1_1_3_1"/>
    <protectedRange sqref="AI47:AJ47" name="範囲1_1_3_2"/>
  </protectedRanges>
  <mergeCells count="54">
    <mergeCell ref="O6:P6"/>
    <mergeCell ref="AG6:AH6"/>
    <mergeCell ref="AI6:AJ6"/>
    <mergeCell ref="U6:V6"/>
    <mergeCell ref="W6:X6"/>
    <mergeCell ref="Y6:Z6"/>
    <mergeCell ref="AA6:AB6"/>
    <mergeCell ref="E6:F6"/>
    <mergeCell ref="G6:H6"/>
    <mergeCell ref="I6:J6"/>
    <mergeCell ref="K6:L6"/>
    <mergeCell ref="M6:N6"/>
    <mergeCell ref="AC6:AD6"/>
    <mergeCell ref="AE6:AF6"/>
    <mergeCell ref="AG5:AH5"/>
    <mergeCell ref="AC5:AD5"/>
    <mergeCell ref="AE5:AF5"/>
    <mergeCell ref="Q6:R6"/>
    <mergeCell ref="S6:T6"/>
    <mergeCell ref="U5:V5"/>
    <mergeCell ref="W5:X5"/>
    <mergeCell ref="Y5:Z5"/>
    <mergeCell ref="I4:J4"/>
    <mergeCell ref="AI4:AJ4"/>
    <mergeCell ref="K5:L5"/>
    <mergeCell ref="M5:N5"/>
    <mergeCell ref="O5:P5"/>
    <mergeCell ref="Q5:R5"/>
    <mergeCell ref="S5:T5"/>
    <mergeCell ref="O4:P4"/>
    <mergeCell ref="Q4:R4"/>
    <mergeCell ref="S4:T4"/>
    <mergeCell ref="AG4:AH4"/>
    <mergeCell ref="AA5:AB5"/>
    <mergeCell ref="AA4:AB4"/>
    <mergeCell ref="AC4:AD4"/>
    <mergeCell ref="AE4:AF4"/>
    <mergeCell ref="AI5:AJ5"/>
    <mergeCell ref="K4:L4"/>
    <mergeCell ref="M4:N4"/>
    <mergeCell ref="W4:X4"/>
    <mergeCell ref="Y4:Z4"/>
    <mergeCell ref="A1:A50"/>
    <mergeCell ref="U4:V4"/>
    <mergeCell ref="B8:B28"/>
    <mergeCell ref="B35:B39"/>
    <mergeCell ref="B41:B43"/>
    <mergeCell ref="C50:AF50"/>
    <mergeCell ref="AF1:AJ1"/>
    <mergeCell ref="H2:L2"/>
    <mergeCell ref="P2:T2"/>
    <mergeCell ref="C3:D7"/>
    <mergeCell ref="E4:F4"/>
    <mergeCell ref="G4:H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586E0B-15E7-4C09-A5C7-190AD9D59B94}">
  <sheetPr>
    <tabColor rgb="FFFF9933"/>
    <pageSetUpPr fitToPage="1"/>
  </sheetPr>
  <dimension ref="A2:T42"/>
  <sheetViews>
    <sheetView showGridLines="0" view="pageBreakPreview" topLeftCell="A20" zoomScaleNormal="115" zoomScaleSheetLayoutView="100" workbookViewId="0">
      <selection activeCell="I21" sqref="I21"/>
    </sheetView>
  </sheetViews>
  <sheetFormatPr defaultRowHeight="13.5" x14ac:dyDescent="0.15"/>
  <cols>
    <col min="1" max="1" width="2.625" style="458" customWidth="1"/>
    <col min="2" max="2" width="5.375" style="458" customWidth="1"/>
    <col min="3" max="3" width="10.125" style="458" customWidth="1"/>
    <col min="4" max="4" width="13" style="458" customWidth="1"/>
    <col min="5" max="5" width="12.625" style="458" customWidth="1"/>
    <col min="6" max="6" width="12" style="458" customWidth="1"/>
    <col min="7" max="7" width="12.625" style="458" customWidth="1"/>
    <col min="8" max="9" width="12" style="458" customWidth="1"/>
    <col min="10" max="248" width="9" style="458"/>
    <col min="249" max="249" width="2.625" style="458" customWidth="1"/>
    <col min="250" max="250" width="5.375" style="458" customWidth="1"/>
    <col min="251" max="251" width="8.125" style="458" customWidth="1"/>
    <col min="252" max="262" width="7.625" style="458" customWidth="1"/>
    <col min="263" max="504" width="9" style="458"/>
    <col min="505" max="505" width="2.625" style="458" customWidth="1"/>
    <col min="506" max="506" width="5.375" style="458" customWidth="1"/>
    <col min="507" max="507" width="8.125" style="458" customWidth="1"/>
    <col min="508" max="518" width="7.625" style="458" customWidth="1"/>
    <col min="519" max="760" width="9" style="458"/>
    <col min="761" max="761" width="2.625" style="458" customWidth="1"/>
    <col min="762" max="762" width="5.375" style="458" customWidth="1"/>
    <col min="763" max="763" width="8.125" style="458" customWidth="1"/>
    <col min="764" max="774" width="7.625" style="458" customWidth="1"/>
    <col min="775" max="1016" width="9" style="458"/>
    <col min="1017" max="1017" width="2.625" style="458" customWidth="1"/>
    <col min="1018" max="1018" width="5.375" style="458" customWidth="1"/>
    <col min="1019" max="1019" width="8.125" style="458" customWidth="1"/>
    <col min="1020" max="1030" width="7.625" style="458" customWidth="1"/>
    <col min="1031" max="1272" width="9" style="458"/>
    <col min="1273" max="1273" width="2.625" style="458" customWidth="1"/>
    <col min="1274" max="1274" width="5.375" style="458" customWidth="1"/>
    <col min="1275" max="1275" width="8.125" style="458" customWidth="1"/>
    <col min="1276" max="1286" width="7.625" style="458" customWidth="1"/>
    <col min="1287" max="1528" width="9" style="458"/>
    <col min="1529" max="1529" width="2.625" style="458" customWidth="1"/>
    <col min="1530" max="1530" width="5.375" style="458" customWidth="1"/>
    <col min="1531" max="1531" width="8.125" style="458" customWidth="1"/>
    <col min="1532" max="1542" width="7.625" style="458" customWidth="1"/>
    <col min="1543" max="1784" width="9" style="458"/>
    <col min="1785" max="1785" width="2.625" style="458" customWidth="1"/>
    <col min="1786" max="1786" width="5.375" style="458" customWidth="1"/>
    <col min="1787" max="1787" width="8.125" style="458" customWidth="1"/>
    <col min="1788" max="1798" width="7.625" style="458" customWidth="1"/>
    <col min="1799" max="2040" width="9" style="458"/>
    <col min="2041" max="2041" width="2.625" style="458" customWidth="1"/>
    <col min="2042" max="2042" width="5.375" style="458" customWidth="1"/>
    <col min="2043" max="2043" width="8.125" style="458" customWidth="1"/>
    <col min="2044" max="2054" width="7.625" style="458" customWidth="1"/>
    <col min="2055" max="2296" width="9" style="458"/>
    <col min="2297" max="2297" width="2.625" style="458" customWidth="1"/>
    <col min="2298" max="2298" width="5.375" style="458" customWidth="1"/>
    <col min="2299" max="2299" width="8.125" style="458" customWidth="1"/>
    <col min="2300" max="2310" width="7.625" style="458" customWidth="1"/>
    <col min="2311" max="2552" width="9" style="458"/>
    <col min="2553" max="2553" width="2.625" style="458" customWidth="1"/>
    <col min="2554" max="2554" width="5.375" style="458" customWidth="1"/>
    <col min="2555" max="2555" width="8.125" style="458" customWidth="1"/>
    <col min="2556" max="2566" width="7.625" style="458" customWidth="1"/>
    <col min="2567" max="2808" width="9" style="458"/>
    <col min="2809" max="2809" width="2.625" style="458" customWidth="1"/>
    <col min="2810" max="2810" width="5.375" style="458" customWidth="1"/>
    <col min="2811" max="2811" width="8.125" style="458" customWidth="1"/>
    <col min="2812" max="2822" width="7.625" style="458" customWidth="1"/>
    <col min="2823" max="3064" width="9" style="458"/>
    <col min="3065" max="3065" width="2.625" style="458" customWidth="1"/>
    <col min="3066" max="3066" width="5.375" style="458" customWidth="1"/>
    <col min="3067" max="3067" width="8.125" style="458" customWidth="1"/>
    <col min="3068" max="3078" width="7.625" style="458" customWidth="1"/>
    <col min="3079" max="3320" width="9" style="458"/>
    <col min="3321" max="3321" width="2.625" style="458" customWidth="1"/>
    <col min="3322" max="3322" width="5.375" style="458" customWidth="1"/>
    <col min="3323" max="3323" width="8.125" style="458" customWidth="1"/>
    <col min="3324" max="3334" width="7.625" style="458" customWidth="1"/>
    <col min="3335" max="3576" width="9" style="458"/>
    <col min="3577" max="3577" width="2.625" style="458" customWidth="1"/>
    <col min="3578" max="3578" width="5.375" style="458" customWidth="1"/>
    <col min="3579" max="3579" width="8.125" style="458" customWidth="1"/>
    <col min="3580" max="3590" width="7.625" style="458" customWidth="1"/>
    <col min="3591" max="3832" width="9" style="458"/>
    <col min="3833" max="3833" width="2.625" style="458" customWidth="1"/>
    <col min="3834" max="3834" width="5.375" style="458" customWidth="1"/>
    <col min="3835" max="3835" width="8.125" style="458" customWidth="1"/>
    <col min="3836" max="3846" width="7.625" style="458" customWidth="1"/>
    <col min="3847" max="4088" width="9" style="458"/>
    <col min="4089" max="4089" width="2.625" style="458" customWidth="1"/>
    <col min="4090" max="4090" width="5.375" style="458" customWidth="1"/>
    <col min="4091" max="4091" width="8.125" style="458" customWidth="1"/>
    <col min="4092" max="4102" width="7.625" style="458" customWidth="1"/>
    <col min="4103" max="4344" width="9" style="458"/>
    <col min="4345" max="4345" width="2.625" style="458" customWidth="1"/>
    <col min="4346" max="4346" width="5.375" style="458" customWidth="1"/>
    <col min="4347" max="4347" width="8.125" style="458" customWidth="1"/>
    <col min="4348" max="4358" width="7.625" style="458" customWidth="1"/>
    <col min="4359" max="4600" width="9" style="458"/>
    <col min="4601" max="4601" width="2.625" style="458" customWidth="1"/>
    <col min="4602" max="4602" width="5.375" style="458" customWidth="1"/>
    <col min="4603" max="4603" width="8.125" style="458" customWidth="1"/>
    <col min="4604" max="4614" width="7.625" style="458" customWidth="1"/>
    <col min="4615" max="4856" width="9" style="458"/>
    <col min="4857" max="4857" width="2.625" style="458" customWidth="1"/>
    <col min="4858" max="4858" width="5.375" style="458" customWidth="1"/>
    <col min="4859" max="4859" width="8.125" style="458" customWidth="1"/>
    <col min="4860" max="4870" width="7.625" style="458" customWidth="1"/>
    <col min="4871" max="5112" width="9" style="458"/>
    <col min="5113" max="5113" width="2.625" style="458" customWidth="1"/>
    <col min="5114" max="5114" width="5.375" style="458" customWidth="1"/>
    <col min="5115" max="5115" width="8.125" style="458" customWidth="1"/>
    <col min="5116" max="5126" width="7.625" style="458" customWidth="1"/>
    <col min="5127" max="5368" width="9" style="458"/>
    <col min="5369" max="5369" width="2.625" style="458" customWidth="1"/>
    <col min="5370" max="5370" width="5.375" style="458" customWidth="1"/>
    <col min="5371" max="5371" width="8.125" style="458" customWidth="1"/>
    <col min="5372" max="5382" width="7.625" style="458" customWidth="1"/>
    <col min="5383" max="5624" width="9" style="458"/>
    <col min="5625" max="5625" width="2.625" style="458" customWidth="1"/>
    <col min="5626" max="5626" width="5.375" style="458" customWidth="1"/>
    <col min="5627" max="5627" width="8.125" style="458" customWidth="1"/>
    <col min="5628" max="5638" width="7.625" style="458" customWidth="1"/>
    <col min="5639" max="5880" width="9" style="458"/>
    <col min="5881" max="5881" width="2.625" style="458" customWidth="1"/>
    <col min="5882" max="5882" width="5.375" style="458" customWidth="1"/>
    <col min="5883" max="5883" width="8.125" style="458" customWidth="1"/>
    <col min="5884" max="5894" width="7.625" style="458" customWidth="1"/>
    <col min="5895" max="6136" width="9" style="458"/>
    <col min="6137" max="6137" width="2.625" style="458" customWidth="1"/>
    <col min="6138" max="6138" width="5.375" style="458" customWidth="1"/>
    <col min="6139" max="6139" width="8.125" style="458" customWidth="1"/>
    <col min="6140" max="6150" width="7.625" style="458" customWidth="1"/>
    <col min="6151" max="6392" width="9" style="458"/>
    <col min="6393" max="6393" width="2.625" style="458" customWidth="1"/>
    <col min="6394" max="6394" width="5.375" style="458" customWidth="1"/>
    <col min="6395" max="6395" width="8.125" style="458" customWidth="1"/>
    <col min="6396" max="6406" width="7.625" style="458" customWidth="1"/>
    <col min="6407" max="6648" width="9" style="458"/>
    <col min="6649" max="6649" width="2.625" style="458" customWidth="1"/>
    <col min="6650" max="6650" width="5.375" style="458" customWidth="1"/>
    <col min="6651" max="6651" width="8.125" style="458" customWidth="1"/>
    <col min="6652" max="6662" width="7.625" style="458" customWidth="1"/>
    <col min="6663" max="6904" width="9" style="458"/>
    <col min="6905" max="6905" width="2.625" style="458" customWidth="1"/>
    <col min="6906" max="6906" width="5.375" style="458" customWidth="1"/>
    <col min="6907" max="6907" width="8.125" style="458" customWidth="1"/>
    <col min="6908" max="6918" width="7.625" style="458" customWidth="1"/>
    <col min="6919" max="7160" width="9" style="458"/>
    <col min="7161" max="7161" width="2.625" style="458" customWidth="1"/>
    <col min="7162" max="7162" width="5.375" style="458" customWidth="1"/>
    <col min="7163" max="7163" width="8.125" style="458" customWidth="1"/>
    <col min="7164" max="7174" width="7.625" style="458" customWidth="1"/>
    <col min="7175" max="7416" width="9" style="458"/>
    <col min="7417" max="7417" width="2.625" style="458" customWidth="1"/>
    <col min="7418" max="7418" width="5.375" style="458" customWidth="1"/>
    <col min="7419" max="7419" width="8.125" style="458" customWidth="1"/>
    <col min="7420" max="7430" width="7.625" style="458" customWidth="1"/>
    <col min="7431" max="7672" width="9" style="458"/>
    <col min="7673" max="7673" width="2.625" style="458" customWidth="1"/>
    <col min="7674" max="7674" width="5.375" style="458" customWidth="1"/>
    <col min="7675" max="7675" width="8.125" style="458" customWidth="1"/>
    <col min="7676" max="7686" width="7.625" style="458" customWidth="1"/>
    <col min="7687" max="7928" width="9" style="458"/>
    <col min="7929" max="7929" width="2.625" style="458" customWidth="1"/>
    <col min="7930" max="7930" width="5.375" style="458" customWidth="1"/>
    <col min="7931" max="7931" width="8.125" style="458" customWidth="1"/>
    <col min="7932" max="7942" width="7.625" style="458" customWidth="1"/>
    <col min="7943" max="8184" width="9" style="458"/>
    <col min="8185" max="8185" width="2.625" style="458" customWidth="1"/>
    <col min="8186" max="8186" width="5.375" style="458" customWidth="1"/>
    <col min="8187" max="8187" width="8.125" style="458" customWidth="1"/>
    <col min="8188" max="8198" width="7.625" style="458" customWidth="1"/>
    <col min="8199" max="8440" width="9" style="458"/>
    <col min="8441" max="8441" width="2.625" style="458" customWidth="1"/>
    <col min="8442" max="8442" width="5.375" style="458" customWidth="1"/>
    <col min="8443" max="8443" width="8.125" style="458" customWidth="1"/>
    <col min="8444" max="8454" width="7.625" style="458" customWidth="1"/>
    <col min="8455" max="8696" width="9" style="458"/>
    <col min="8697" max="8697" width="2.625" style="458" customWidth="1"/>
    <col min="8698" max="8698" width="5.375" style="458" customWidth="1"/>
    <col min="8699" max="8699" width="8.125" style="458" customWidth="1"/>
    <col min="8700" max="8710" width="7.625" style="458" customWidth="1"/>
    <col min="8711" max="8952" width="9" style="458"/>
    <col min="8953" max="8953" width="2.625" style="458" customWidth="1"/>
    <col min="8954" max="8954" width="5.375" style="458" customWidth="1"/>
    <col min="8955" max="8955" width="8.125" style="458" customWidth="1"/>
    <col min="8956" max="8966" width="7.625" style="458" customWidth="1"/>
    <col min="8967" max="9208" width="9" style="458"/>
    <col min="9209" max="9209" width="2.625" style="458" customWidth="1"/>
    <col min="9210" max="9210" width="5.375" style="458" customWidth="1"/>
    <col min="9211" max="9211" width="8.125" style="458" customWidth="1"/>
    <col min="9212" max="9222" width="7.625" style="458" customWidth="1"/>
    <col min="9223" max="9464" width="9" style="458"/>
    <col min="9465" max="9465" width="2.625" style="458" customWidth="1"/>
    <col min="9466" max="9466" width="5.375" style="458" customWidth="1"/>
    <col min="9467" max="9467" width="8.125" style="458" customWidth="1"/>
    <col min="9468" max="9478" width="7.625" style="458" customWidth="1"/>
    <col min="9479" max="9720" width="9" style="458"/>
    <col min="9721" max="9721" width="2.625" style="458" customWidth="1"/>
    <col min="9722" max="9722" width="5.375" style="458" customWidth="1"/>
    <col min="9723" max="9723" width="8.125" style="458" customWidth="1"/>
    <col min="9724" max="9734" width="7.625" style="458" customWidth="1"/>
    <col min="9735" max="9976" width="9" style="458"/>
    <col min="9977" max="9977" width="2.625" style="458" customWidth="1"/>
    <col min="9978" max="9978" width="5.375" style="458" customWidth="1"/>
    <col min="9979" max="9979" width="8.125" style="458" customWidth="1"/>
    <col min="9980" max="9990" width="7.625" style="458" customWidth="1"/>
    <col min="9991" max="10232" width="9" style="458"/>
    <col min="10233" max="10233" width="2.625" style="458" customWidth="1"/>
    <col min="10234" max="10234" width="5.375" style="458" customWidth="1"/>
    <col min="10235" max="10235" width="8.125" style="458" customWidth="1"/>
    <col min="10236" max="10246" width="7.625" style="458" customWidth="1"/>
    <col min="10247" max="10488" width="9" style="458"/>
    <col min="10489" max="10489" width="2.625" style="458" customWidth="1"/>
    <col min="10490" max="10490" width="5.375" style="458" customWidth="1"/>
    <col min="10491" max="10491" width="8.125" style="458" customWidth="1"/>
    <col min="10492" max="10502" width="7.625" style="458" customWidth="1"/>
    <col min="10503" max="10744" width="9" style="458"/>
    <col min="10745" max="10745" width="2.625" style="458" customWidth="1"/>
    <col min="10746" max="10746" width="5.375" style="458" customWidth="1"/>
    <col min="10747" max="10747" width="8.125" style="458" customWidth="1"/>
    <col min="10748" max="10758" width="7.625" style="458" customWidth="1"/>
    <col min="10759" max="11000" width="9" style="458"/>
    <col min="11001" max="11001" width="2.625" style="458" customWidth="1"/>
    <col min="11002" max="11002" width="5.375" style="458" customWidth="1"/>
    <col min="11003" max="11003" width="8.125" style="458" customWidth="1"/>
    <col min="11004" max="11014" width="7.625" style="458" customWidth="1"/>
    <col min="11015" max="11256" width="9" style="458"/>
    <col min="11257" max="11257" width="2.625" style="458" customWidth="1"/>
    <col min="11258" max="11258" width="5.375" style="458" customWidth="1"/>
    <col min="11259" max="11259" width="8.125" style="458" customWidth="1"/>
    <col min="11260" max="11270" width="7.625" style="458" customWidth="1"/>
    <col min="11271" max="11512" width="9" style="458"/>
    <col min="11513" max="11513" width="2.625" style="458" customWidth="1"/>
    <col min="11514" max="11514" width="5.375" style="458" customWidth="1"/>
    <col min="11515" max="11515" width="8.125" style="458" customWidth="1"/>
    <col min="11516" max="11526" width="7.625" style="458" customWidth="1"/>
    <col min="11527" max="11768" width="9" style="458"/>
    <col min="11769" max="11769" width="2.625" style="458" customWidth="1"/>
    <col min="11770" max="11770" width="5.375" style="458" customWidth="1"/>
    <col min="11771" max="11771" width="8.125" style="458" customWidth="1"/>
    <col min="11772" max="11782" width="7.625" style="458" customWidth="1"/>
    <col min="11783" max="12024" width="9" style="458"/>
    <col min="12025" max="12025" width="2.625" style="458" customWidth="1"/>
    <col min="12026" max="12026" width="5.375" style="458" customWidth="1"/>
    <col min="12027" max="12027" width="8.125" style="458" customWidth="1"/>
    <col min="12028" max="12038" width="7.625" style="458" customWidth="1"/>
    <col min="12039" max="12280" width="9" style="458"/>
    <col min="12281" max="12281" width="2.625" style="458" customWidth="1"/>
    <col min="12282" max="12282" width="5.375" style="458" customWidth="1"/>
    <col min="12283" max="12283" width="8.125" style="458" customWidth="1"/>
    <col min="12284" max="12294" width="7.625" style="458" customWidth="1"/>
    <col min="12295" max="12536" width="9" style="458"/>
    <col min="12537" max="12537" width="2.625" style="458" customWidth="1"/>
    <col min="12538" max="12538" width="5.375" style="458" customWidth="1"/>
    <col min="12539" max="12539" width="8.125" style="458" customWidth="1"/>
    <col min="12540" max="12550" width="7.625" style="458" customWidth="1"/>
    <col min="12551" max="12792" width="9" style="458"/>
    <col min="12793" max="12793" width="2.625" style="458" customWidth="1"/>
    <col min="12794" max="12794" width="5.375" style="458" customWidth="1"/>
    <col min="12795" max="12795" width="8.125" style="458" customWidth="1"/>
    <col min="12796" max="12806" width="7.625" style="458" customWidth="1"/>
    <col min="12807" max="13048" width="9" style="458"/>
    <col min="13049" max="13049" width="2.625" style="458" customWidth="1"/>
    <col min="13050" max="13050" width="5.375" style="458" customWidth="1"/>
    <col min="13051" max="13051" width="8.125" style="458" customWidth="1"/>
    <col min="13052" max="13062" width="7.625" style="458" customWidth="1"/>
    <col min="13063" max="13304" width="9" style="458"/>
    <col min="13305" max="13305" width="2.625" style="458" customWidth="1"/>
    <col min="13306" max="13306" width="5.375" style="458" customWidth="1"/>
    <col min="13307" max="13307" width="8.125" style="458" customWidth="1"/>
    <col min="13308" max="13318" width="7.625" style="458" customWidth="1"/>
    <col min="13319" max="13560" width="9" style="458"/>
    <col min="13561" max="13561" width="2.625" style="458" customWidth="1"/>
    <col min="13562" max="13562" width="5.375" style="458" customWidth="1"/>
    <col min="13563" max="13563" width="8.125" style="458" customWidth="1"/>
    <col min="13564" max="13574" width="7.625" style="458" customWidth="1"/>
    <col min="13575" max="13816" width="9" style="458"/>
    <col min="13817" max="13817" width="2.625" style="458" customWidth="1"/>
    <col min="13818" max="13818" width="5.375" style="458" customWidth="1"/>
    <col min="13819" max="13819" width="8.125" style="458" customWidth="1"/>
    <col min="13820" max="13830" width="7.625" style="458" customWidth="1"/>
    <col min="13831" max="14072" width="9" style="458"/>
    <col min="14073" max="14073" width="2.625" style="458" customWidth="1"/>
    <col min="14074" max="14074" width="5.375" style="458" customWidth="1"/>
    <col min="14075" max="14075" width="8.125" style="458" customWidth="1"/>
    <col min="14076" max="14086" width="7.625" style="458" customWidth="1"/>
    <col min="14087" max="14328" width="9" style="458"/>
    <col min="14329" max="14329" width="2.625" style="458" customWidth="1"/>
    <col min="14330" max="14330" width="5.375" style="458" customWidth="1"/>
    <col min="14331" max="14331" width="8.125" style="458" customWidth="1"/>
    <col min="14332" max="14342" width="7.625" style="458" customWidth="1"/>
    <col min="14343" max="14584" width="9" style="458"/>
    <col min="14585" max="14585" width="2.625" style="458" customWidth="1"/>
    <col min="14586" max="14586" width="5.375" style="458" customWidth="1"/>
    <col min="14587" max="14587" width="8.125" style="458" customWidth="1"/>
    <col min="14588" max="14598" width="7.625" style="458" customWidth="1"/>
    <col min="14599" max="14840" width="9" style="458"/>
    <col min="14841" max="14841" width="2.625" style="458" customWidth="1"/>
    <col min="14842" max="14842" width="5.375" style="458" customWidth="1"/>
    <col min="14843" max="14843" width="8.125" style="458" customWidth="1"/>
    <col min="14844" max="14854" width="7.625" style="458" customWidth="1"/>
    <col min="14855" max="15096" width="9" style="458"/>
    <col min="15097" max="15097" width="2.625" style="458" customWidth="1"/>
    <col min="15098" max="15098" width="5.375" style="458" customWidth="1"/>
    <col min="15099" max="15099" width="8.125" style="458" customWidth="1"/>
    <col min="15100" max="15110" width="7.625" style="458" customWidth="1"/>
    <col min="15111" max="15352" width="9" style="458"/>
    <col min="15353" max="15353" width="2.625" style="458" customWidth="1"/>
    <col min="15354" max="15354" width="5.375" style="458" customWidth="1"/>
    <col min="15355" max="15355" width="8.125" style="458" customWidth="1"/>
    <col min="15356" max="15366" width="7.625" style="458" customWidth="1"/>
    <col min="15367" max="15608" width="9" style="458"/>
    <col min="15609" max="15609" width="2.625" style="458" customWidth="1"/>
    <col min="15610" max="15610" width="5.375" style="458" customWidth="1"/>
    <col min="15611" max="15611" width="8.125" style="458" customWidth="1"/>
    <col min="15612" max="15622" width="7.625" style="458" customWidth="1"/>
    <col min="15623" max="15864" width="9" style="458"/>
    <col min="15865" max="15865" width="2.625" style="458" customWidth="1"/>
    <col min="15866" max="15866" width="5.375" style="458" customWidth="1"/>
    <col min="15867" max="15867" width="8.125" style="458" customWidth="1"/>
    <col min="15868" max="15878" width="7.625" style="458" customWidth="1"/>
    <col min="15879" max="16120" width="9" style="458"/>
    <col min="16121" max="16121" width="2.625" style="458" customWidth="1"/>
    <col min="16122" max="16122" width="5.375" style="458" customWidth="1"/>
    <col min="16123" max="16123" width="8.125" style="458" customWidth="1"/>
    <col min="16124" max="16134" width="7.625" style="458" customWidth="1"/>
    <col min="16135" max="16384" width="9" style="458"/>
  </cols>
  <sheetData>
    <row r="2" spans="1:20" ht="15.75" customHeight="1" x14ac:dyDescent="0.15">
      <c r="B2" s="488" t="s">
        <v>287</v>
      </c>
    </row>
    <row r="3" spans="1:20" ht="5.25" customHeight="1" x14ac:dyDescent="0.15"/>
    <row r="4" spans="1:20" ht="19.350000000000001" customHeight="1" x14ac:dyDescent="0.15">
      <c r="B4" s="487" t="s">
        <v>286</v>
      </c>
      <c r="F4" s="486"/>
      <c r="G4" s="486"/>
    </row>
    <row r="5" spans="1:20" s="481" customFormat="1" ht="15" customHeight="1" x14ac:dyDescent="0.2">
      <c r="A5" s="458"/>
      <c r="B5" s="657" t="s">
        <v>285</v>
      </c>
      <c r="C5" s="657"/>
      <c r="D5" s="657"/>
      <c r="E5" s="657"/>
      <c r="F5" s="657"/>
      <c r="G5" s="657"/>
      <c r="H5" s="657"/>
      <c r="I5" s="657"/>
      <c r="J5" s="458"/>
      <c r="L5" s="483"/>
      <c r="M5" s="484"/>
      <c r="N5" s="482"/>
      <c r="O5" s="482"/>
      <c r="P5" s="482"/>
      <c r="Q5" s="482"/>
      <c r="R5" s="458"/>
      <c r="S5" s="458"/>
      <c r="T5" s="458"/>
    </row>
    <row r="6" spans="1:20" s="481" customFormat="1" ht="15" customHeight="1" x14ac:dyDescent="0.2">
      <c r="A6" s="458"/>
      <c r="B6" s="657" t="s">
        <v>284</v>
      </c>
      <c r="C6" s="657"/>
      <c r="D6" s="657"/>
      <c r="E6" s="657"/>
      <c r="F6" s="657"/>
      <c r="G6" s="657"/>
      <c r="H6" s="657"/>
      <c r="I6" s="657"/>
      <c r="J6" s="458"/>
      <c r="L6" s="483"/>
      <c r="M6" s="484"/>
      <c r="N6" s="482"/>
      <c r="O6" s="482"/>
      <c r="P6" s="482"/>
      <c r="Q6" s="482"/>
      <c r="R6" s="458"/>
      <c r="S6" s="458"/>
      <c r="T6" s="458"/>
    </row>
    <row r="7" spans="1:20" s="481" customFormat="1" ht="15" customHeight="1" x14ac:dyDescent="0.2">
      <c r="A7" s="458"/>
      <c r="B7" s="658" t="s">
        <v>283</v>
      </c>
      <c r="C7" s="658"/>
      <c r="D7" s="658"/>
      <c r="E7" s="658"/>
      <c r="F7" s="658"/>
      <c r="G7" s="658"/>
      <c r="H7" s="658"/>
      <c r="I7" s="658"/>
      <c r="J7" s="458"/>
      <c r="L7" s="484"/>
      <c r="M7" s="483"/>
      <c r="N7" s="482"/>
      <c r="O7" s="482"/>
      <c r="P7" s="482"/>
      <c r="Q7" s="482"/>
      <c r="R7" s="458"/>
      <c r="S7" s="458"/>
      <c r="T7" s="458"/>
    </row>
    <row r="8" spans="1:20" s="481" customFormat="1" ht="15" customHeight="1" x14ac:dyDescent="0.2">
      <c r="A8" s="458"/>
      <c r="B8" s="657" t="s">
        <v>282</v>
      </c>
      <c r="C8" s="657"/>
      <c r="D8" s="657"/>
      <c r="E8" s="657"/>
      <c r="F8" s="657"/>
      <c r="G8" s="657"/>
      <c r="H8" s="657"/>
      <c r="I8" s="657"/>
      <c r="J8" s="458"/>
      <c r="L8" s="483"/>
      <c r="M8" s="484"/>
      <c r="N8" s="482"/>
      <c r="O8" s="482"/>
      <c r="P8" s="482"/>
      <c r="Q8" s="482"/>
      <c r="R8" s="458"/>
      <c r="S8" s="458"/>
      <c r="T8" s="458"/>
    </row>
    <row r="9" spans="1:20" s="481" customFormat="1" ht="15" customHeight="1" x14ac:dyDescent="0.2">
      <c r="A9" s="458"/>
      <c r="B9" s="657" t="s">
        <v>281</v>
      </c>
      <c r="C9" s="657"/>
      <c r="D9" s="657"/>
      <c r="E9" s="657"/>
      <c r="F9" s="657"/>
      <c r="G9" s="657"/>
      <c r="H9" s="657"/>
      <c r="I9" s="657"/>
      <c r="J9" s="458"/>
      <c r="L9" s="483"/>
      <c r="M9" s="484"/>
      <c r="N9" s="482"/>
      <c r="O9" s="482"/>
      <c r="P9" s="482"/>
      <c r="Q9" s="482"/>
      <c r="R9" s="458"/>
      <c r="S9" s="458"/>
      <c r="T9" s="458"/>
    </row>
    <row r="10" spans="1:20" s="481" customFormat="1" ht="15" customHeight="1" x14ac:dyDescent="0.2">
      <c r="A10" s="458"/>
      <c r="B10" s="657" t="s">
        <v>280</v>
      </c>
      <c r="C10" s="657"/>
      <c r="D10" s="657"/>
      <c r="E10" s="657"/>
      <c r="F10" s="657"/>
      <c r="G10" s="657"/>
      <c r="H10" s="657"/>
      <c r="I10" s="657"/>
      <c r="J10" s="458"/>
      <c r="L10" s="483"/>
      <c r="M10" s="484"/>
      <c r="N10" s="482"/>
      <c r="O10" s="482"/>
      <c r="P10" s="482"/>
      <c r="Q10" s="482"/>
      <c r="R10" s="458"/>
      <c r="S10" s="458"/>
      <c r="T10" s="458"/>
    </row>
    <row r="11" spans="1:20" s="481" customFormat="1" ht="15" customHeight="1" x14ac:dyDescent="0.2">
      <c r="A11" s="458"/>
      <c r="B11" s="658" t="s">
        <v>279</v>
      </c>
      <c r="C11" s="658"/>
      <c r="D11" s="658"/>
      <c r="E11" s="658"/>
      <c r="F11" s="658"/>
      <c r="G11" s="658"/>
      <c r="H11" s="658"/>
      <c r="I11" s="658"/>
      <c r="J11" s="458"/>
      <c r="L11" s="484"/>
      <c r="M11" s="483"/>
      <c r="N11" s="482"/>
      <c r="O11" s="482"/>
      <c r="P11" s="482"/>
      <c r="Q11" s="482"/>
      <c r="R11" s="458"/>
      <c r="S11" s="458"/>
      <c r="T11" s="458"/>
    </row>
    <row r="12" spans="1:20" s="481" customFormat="1" ht="15" customHeight="1" x14ac:dyDescent="0.2">
      <c r="A12" s="458"/>
      <c r="B12" s="485"/>
      <c r="C12" s="485"/>
      <c r="D12" s="485"/>
      <c r="E12" s="485"/>
      <c r="F12" s="485"/>
      <c r="G12" s="485"/>
      <c r="H12" s="485"/>
      <c r="I12" s="485"/>
      <c r="J12" s="458"/>
      <c r="L12" s="484"/>
      <c r="M12" s="483"/>
      <c r="N12" s="482"/>
      <c r="O12" s="482"/>
      <c r="P12" s="482"/>
      <c r="Q12" s="482"/>
      <c r="R12" s="458"/>
      <c r="S12" s="458"/>
      <c r="T12" s="458"/>
    </row>
    <row r="13" spans="1:20" s="474" customFormat="1" ht="15" customHeight="1" x14ac:dyDescent="0.15">
      <c r="B13" s="480" t="s">
        <v>278</v>
      </c>
      <c r="C13" s="480"/>
    </row>
    <row r="14" spans="1:20" s="474" customFormat="1" ht="15" customHeight="1" x14ac:dyDescent="0.15">
      <c r="B14" s="664" t="s">
        <v>277</v>
      </c>
      <c r="C14" s="665"/>
      <c r="D14" s="671" t="s">
        <v>276</v>
      </c>
      <c r="E14" s="672"/>
      <c r="F14" s="673"/>
      <c r="G14" s="671" t="s">
        <v>275</v>
      </c>
      <c r="H14" s="672"/>
      <c r="I14" s="673"/>
    </row>
    <row r="15" spans="1:20" ht="13.5" customHeight="1" x14ac:dyDescent="0.15">
      <c r="B15" s="666"/>
      <c r="C15" s="667"/>
      <c r="D15" s="660" t="s">
        <v>274</v>
      </c>
      <c r="E15" s="660" t="s">
        <v>273</v>
      </c>
      <c r="F15" s="664" t="s">
        <v>272</v>
      </c>
      <c r="G15" s="660" t="s">
        <v>271</v>
      </c>
      <c r="H15" s="660" t="s">
        <v>270</v>
      </c>
      <c r="I15" s="662" t="s">
        <v>269</v>
      </c>
    </row>
    <row r="16" spans="1:20" x14ac:dyDescent="0.15">
      <c r="B16" s="661"/>
      <c r="C16" s="668"/>
      <c r="D16" s="674"/>
      <c r="E16" s="674"/>
      <c r="F16" s="661"/>
      <c r="G16" s="674"/>
      <c r="H16" s="661"/>
      <c r="I16" s="663"/>
    </row>
    <row r="17" spans="2:9" x14ac:dyDescent="0.15">
      <c r="B17" s="479"/>
      <c r="C17" s="478"/>
      <c r="D17" s="477" t="s">
        <v>268</v>
      </c>
      <c r="E17" s="477" t="s">
        <v>268</v>
      </c>
      <c r="F17" s="477" t="s">
        <v>268</v>
      </c>
      <c r="G17" s="477" t="s">
        <v>268</v>
      </c>
      <c r="H17" s="477" t="s">
        <v>268</v>
      </c>
      <c r="I17" s="476" t="s">
        <v>268</v>
      </c>
    </row>
    <row r="18" spans="2:9" x14ac:dyDescent="0.15">
      <c r="B18" s="475"/>
      <c r="C18" s="474"/>
      <c r="D18" s="473"/>
      <c r="E18" s="473"/>
      <c r="F18" s="473"/>
      <c r="G18" s="473"/>
      <c r="H18" s="473"/>
      <c r="I18" s="472"/>
    </row>
    <row r="19" spans="2:9" x14ac:dyDescent="0.15">
      <c r="B19" s="655" t="s">
        <v>267</v>
      </c>
      <c r="C19" s="656"/>
      <c r="D19" s="462">
        <v>3.2</v>
      </c>
      <c r="E19" s="462">
        <v>2.5</v>
      </c>
      <c r="F19" s="462">
        <v>2.5</v>
      </c>
      <c r="G19" s="461">
        <v>-0.7</v>
      </c>
      <c r="H19" s="461">
        <v>-0.6</v>
      </c>
      <c r="I19" s="462">
        <v>-1.8</v>
      </c>
    </row>
    <row r="20" spans="2:9" x14ac:dyDescent="0.15">
      <c r="B20" s="653" t="s">
        <v>266</v>
      </c>
      <c r="C20" s="654"/>
      <c r="D20" s="466">
        <v>0.7</v>
      </c>
      <c r="E20" s="466">
        <v>1.6</v>
      </c>
      <c r="F20" s="466">
        <v>1.9</v>
      </c>
      <c r="G20" s="465">
        <v>0.3</v>
      </c>
      <c r="H20" s="465">
        <v>0.7</v>
      </c>
      <c r="I20" s="466">
        <v>-3.6</v>
      </c>
    </row>
    <row r="21" spans="2:9" x14ac:dyDescent="0.15">
      <c r="B21" s="651" t="s">
        <v>265</v>
      </c>
      <c r="C21" s="652"/>
      <c r="D21" s="471">
        <v>1.8</v>
      </c>
      <c r="E21" s="471">
        <v>1.3</v>
      </c>
      <c r="F21" s="462">
        <v>1.4</v>
      </c>
      <c r="G21" s="461">
        <v>-0.2</v>
      </c>
      <c r="H21" s="461">
        <v>0.2</v>
      </c>
      <c r="I21" s="461">
        <v>-3.5</v>
      </c>
    </row>
    <row r="22" spans="2:9" x14ac:dyDescent="0.15">
      <c r="B22" s="651" t="s">
        <v>264</v>
      </c>
      <c r="C22" s="652"/>
      <c r="D22" s="471">
        <v>2.2999999999999998</v>
      </c>
      <c r="E22" s="471">
        <v>1.7</v>
      </c>
      <c r="F22" s="462">
        <v>1.7</v>
      </c>
      <c r="G22" s="461">
        <v>-2.9</v>
      </c>
      <c r="H22" s="461">
        <v>-2.8</v>
      </c>
      <c r="I22" s="461">
        <v>-3.3</v>
      </c>
    </row>
    <row r="23" spans="2:9" x14ac:dyDescent="0.15">
      <c r="B23" s="651" t="s">
        <v>263</v>
      </c>
      <c r="C23" s="652"/>
      <c r="D23" s="471">
        <v>3.3</v>
      </c>
      <c r="E23" s="471">
        <v>3.2</v>
      </c>
      <c r="F23" s="462">
        <v>3.2</v>
      </c>
      <c r="G23" s="461">
        <v>0.7</v>
      </c>
      <c r="H23" s="461">
        <v>0.7</v>
      </c>
      <c r="I23" s="461">
        <v>0</v>
      </c>
    </row>
    <row r="24" spans="2:9" x14ac:dyDescent="0.15">
      <c r="B24" s="651" t="s">
        <v>262</v>
      </c>
      <c r="C24" s="652"/>
      <c r="D24" s="471">
        <v>4.0999999999999996</v>
      </c>
      <c r="E24" s="471">
        <v>2.6</v>
      </c>
      <c r="F24" s="462">
        <v>2.2999999999999998</v>
      </c>
      <c r="G24" s="461">
        <v>1.6</v>
      </c>
      <c r="H24" s="461">
        <v>1.8</v>
      </c>
      <c r="I24" s="461">
        <v>0</v>
      </c>
    </row>
    <row r="25" spans="2:9" x14ac:dyDescent="0.15">
      <c r="B25" s="655" t="s">
        <v>261</v>
      </c>
      <c r="C25" s="656"/>
      <c r="D25" s="471">
        <v>0.9</v>
      </c>
      <c r="E25" s="471">
        <v>2.2000000000000002</v>
      </c>
      <c r="F25" s="462">
        <v>1.8</v>
      </c>
      <c r="G25" s="461">
        <v>-2.6</v>
      </c>
      <c r="H25" s="461">
        <v>-2.4</v>
      </c>
      <c r="I25" s="461">
        <v>-4.5</v>
      </c>
    </row>
    <row r="26" spans="2:9" x14ac:dyDescent="0.15">
      <c r="B26" s="653" t="s">
        <v>249</v>
      </c>
      <c r="C26" s="654"/>
      <c r="D26" s="466">
        <v>2.5</v>
      </c>
      <c r="E26" s="466">
        <v>3.1</v>
      </c>
      <c r="F26" s="466">
        <v>3.1</v>
      </c>
      <c r="G26" s="465">
        <v>2.1</v>
      </c>
      <c r="H26" s="465">
        <v>2</v>
      </c>
      <c r="I26" s="465">
        <v>2.8</v>
      </c>
    </row>
    <row r="27" spans="2:9" x14ac:dyDescent="0.15">
      <c r="B27" s="651" t="s">
        <v>260</v>
      </c>
      <c r="C27" s="652"/>
      <c r="D27" s="462">
        <v>5</v>
      </c>
      <c r="E27" s="462">
        <v>2.2000000000000002</v>
      </c>
      <c r="F27" s="462">
        <v>2.2000000000000002</v>
      </c>
      <c r="G27" s="461">
        <v>-0.6</v>
      </c>
      <c r="H27" s="461">
        <v>-0.7</v>
      </c>
      <c r="I27" s="462">
        <v>0</v>
      </c>
    </row>
    <row r="28" spans="2:9" x14ac:dyDescent="0.15">
      <c r="B28" s="651" t="s">
        <v>259</v>
      </c>
      <c r="C28" s="652"/>
      <c r="D28" s="462">
        <v>2.4</v>
      </c>
      <c r="E28" s="462">
        <v>1.6</v>
      </c>
      <c r="F28" s="462">
        <v>1.4</v>
      </c>
      <c r="G28" s="461">
        <v>-1.9</v>
      </c>
      <c r="H28" s="461">
        <v>-2.1</v>
      </c>
      <c r="I28" s="462">
        <v>1</v>
      </c>
    </row>
    <row r="29" spans="2:9" x14ac:dyDescent="0.15">
      <c r="B29" s="470"/>
      <c r="C29" s="469" t="s">
        <v>258</v>
      </c>
      <c r="D29" s="462">
        <v>2.5</v>
      </c>
      <c r="E29" s="462">
        <v>2.2000000000000002</v>
      </c>
      <c r="F29" s="462">
        <v>2.5</v>
      </c>
      <c r="G29" s="461">
        <v>-0.3</v>
      </c>
      <c r="H29" s="461">
        <v>-0.3</v>
      </c>
      <c r="I29" s="462">
        <v>0</v>
      </c>
    </row>
    <row r="30" spans="2:9" x14ac:dyDescent="0.15">
      <c r="B30" s="470"/>
      <c r="C30" s="469" t="s">
        <v>257</v>
      </c>
      <c r="D30" s="462">
        <v>3.1</v>
      </c>
      <c r="E30" s="462">
        <v>2.7</v>
      </c>
      <c r="F30" s="462">
        <v>2.5</v>
      </c>
      <c r="G30" s="461">
        <v>0.5</v>
      </c>
      <c r="H30" s="461">
        <v>0.5</v>
      </c>
      <c r="I30" s="462">
        <v>0.9</v>
      </c>
    </row>
    <row r="31" spans="2:9" x14ac:dyDescent="0.15">
      <c r="B31" s="468"/>
      <c r="C31" s="467" t="s">
        <v>256</v>
      </c>
      <c r="D31" s="462">
        <v>4.4000000000000004</v>
      </c>
      <c r="E31" s="462">
        <v>2.2000000000000002</v>
      </c>
      <c r="F31" s="462">
        <v>1.6</v>
      </c>
      <c r="G31" s="461">
        <v>-1.3</v>
      </c>
      <c r="H31" s="461">
        <v>-1.4</v>
      </c>
      <c r="I31" s="461">
        <v>0</v>
      </c>
    </row>
    <row r="32" spans="2:9" x14ac:dyDescent="0.15">
      <c r="B32" s="653" t="s">
        <v>255</v>
      </c>
      <c r="C32" s="654"/>
      <c r="D32" s="466">
        <v>2.5</v>
      </c>
      <c r="E32" s="466">
        <v>2.8</v>
      </c>
      <c r="F32" s="466">
        <v>3.1</v>
      </c>
      <c r="G32" s="465">
        <v>-1.3</v>
      </c>
      <c r="H32" s="465">
        <v>-1</v>
      </c>
      <c r="I32" s="465">
        <v>-4.5</v>
      </c>
    </row>
    <row r="33" spans="2:9" x14ac:dyDescent="0.15">
      <c r="B33" s="651" t="s">
        <v>254</v>
      </c>
      <c r="C33" s="652"/>
      <c r="D33" s="462">
        <v>0.8</v>
      </c>
      <c r="E33" s="462">
        <v>2.2000000000000002</v>
      </c>
      <c r="F33" s="462">
        <v>2.1</v>
      </c>
      <c r="G33" s="461">
        <v>-3.8</v>
      </c>
      <c r="H33" s="461">
        <v>-3.8</v>
      </c>
      <c r="I33" s="461">
        <v>-3.6</v>
      </c>
    </row>
    <row r="34" spans="2:9" x14ac:dyDescent="0.15">
      <c r="B34" s="651" t="s">
        <v>253</v>
      </c>
      <c r="C34" s="652"/>
      <c r="D34" s="462">
        <v>3</v>
      </c>
      <c r="E34" s="462">
        <v>1.9</v>
      </c>
      <c r="F34" s="462">
        <v>1.9</v>
      </c>
      <c r="G34" s="461">
        <v>-2.8</v>
      </c>
      <c r="H34" s="461">
        <v>-2.7</v>
      </c>
      <c r="I34" s="461">
        <v>-3.6</v>
      </c>
    </row>
    <row r="35" spans="2:9" x14ac:dyDescent="0.15">
      <c r="B35" s="651" t="s">
        <v>252</v>
      </c>
      <c r="C35" s="652"/>
      <c r="D35" s="462">
        <v>1.9</v>
      </c>
      <c r="E35" s="462">
        <v>1.9</v>
      </c>
      <c r="F35" s="462">
        <v>2.1</v>
      </c>
      <c r="G35" s="461">
        <v>-1.3</v>
      </c>
      <c r="H35" s="461">
        <v>-1.3</v>
      </c>
      <c r="I35" s="461">
        <v>-1.8</v>
      </c>
    </row>
    <row r="36" spans="2:9" ht="12.6" customHeight="1" x14ac:dyDescent="0.15">
      <c r="B36" s="651" t="s">
        <v>251</v>
      </c>
      <c r="C36" s="652"/>
      <c r="D36" s="462">
        <v>3.1</v>
      </c>
      <c r="E36" s="462">
        <v>3.2</v>
      </c>
      <c r="F36" s="462">
        <v>3.5</v>
      </c>
      <c r="G36" s="461">
        <v>-1.3</v>
      </c>
      <c r="H36" s="461">
        <v>-1.1000000000000001</v>
      </c>
      <c r="I36" s="461">
        <v>-2.8</v>
      </c>
    </row>
    <row r="37" spans="2:9" x14ac:dyDescent="0.15">
      <c r="B37" s="655" t="s">
        <v>250</v>
      </c>
      <c r="C37" s="656"/>
      <c r="D37" s="462">
        <v>6.8</v>
      </c>
      <c r="E37" s="462">
        <v>3.3</v>
      </c>
      <c r="F37" s="462">
        <v>3.2</v>
      </c>
      <c r="G37" s="461">
        <v>0.7</v>
      </c>
      <c r="H37" s="461">
        <v>1</v>
      </c>
      <c r="I37" s="461">
        <v>-2.8</v>
      </c>
    </row>
    <row r="38" spans="2:9" x14ac:dyDescent="0.15">
      <c r="B38" s="653" t="s">
        <v>249</v>
      </c>
      <c r="C38" s="654"/>
      <c r="D38" s="466">
        <v>-0.8</v>
      </c>
      <c r="E38" s="466">
        <v>2.9</v>
      </c>
      <c r="F38" s="466">
        <v>3.2</v>
      </c>
      <c r="G38" s="465">
        <v>-0.2</v>
      </c>
      <c r="H38" s="465">
        <v>-0.1</v>
      </c>
      <c r="I38" s="465">
        <v>-2.1</v>
      </c>
    </row>
    <row r="39" spans="2:9" x14ac:dyDescent="0.15">
      <c r="B39" s="464"/>
      <c r="C39" s="463" t="s">
        <v>248</v>
      </c>
      <c r="D39" s="462">
        <v>2</v>
      </c>
      <c r="E39" s="462">
        <v>2.5</v>
      </c>
      <c r="F39" s="462">
        <v>2.6</v>
      </c>
      <c r="G39" s="461">
        <v>-2.4</v>
      </c>
      <c r="H39" s="461">
        <v>-2.2000000000000002</v>
      </c>
      <c r="I39" s="461">
        <v>-4.5999999999999996</v>
      </c>
    </row>
    <row r="40" spans="2:9" x14ac:dyDescent="0.15">
      <c r="B40" s="464"/>
      <c r="C40" s="463" t="s">
        <v>247</v>
      </c>
      <c r="D40" s="462">
        <v>2.2999999999999998</v>
      </c>
      <c r="E40" s="462">
        <v>2.6</v>
      </c>
      <c r="F40" s="462">
        <v>2.9</v>
      </c>
      <c r="G40" s="461">
        <v>-0.2</v>
      </c>
      <c r="H40" s="461">
        <v>0.1</v>
      </c>
      <c r="I40" s="461">
        <v>-4.0999999999999996</v>
      </c>
    </row>
    <row r="41" spans="2:9" x14ac:dyDescent="0.15">
      <c r="B41" s="651" t="s">
        <v>246</v>
      </c>
      <c r="C41" s="659"/>
      <c r="D41" s="462">
        <v>2.2999999999999998</v>
      </c>
      <c r="E41" s="462">
        <v>2.4</v>
      </c>
      <c r="F41" s="462">
        <v>2.2999999999999998</v>
      </c>
      <c r="G41" s="461">
        <v>0.5</v>
      </c>
      <c r="H41" s="461">
        <v>0.8</v>
      </c>
      <c r="I41" s="461">
        <v>-2.8</v>
      </c>
    </row>
    <row r="42" spans="2:9" x14ac:dyDescent="0.15">
      <c r="B42" s="669" t="s">
        <v>245</v>
      </c>
      <c r="C42" s="670"/>
      <c r="D42" s="460">
        <v>0.9</v>
      </c>
      <c r="E42" s="460">
        <v>1.9</v>
      </c>
      <c r="F42" s="460">
        <v>1.5</v>
      </c>
      <c r="G42" s="459">
        <v>-3.8</v>
      </c>
      <c r="H42" s="459">
        <v>-4</v>
      </c>
      <c r="I42" s="459">
        <v>-1</v>
      </c>
    </row>
  </sheetData>
  <mergeCells count="35">
    <mergeCell ref="B42:C42"/>
    <mergeCell ref="B36:C36"/>
    <mergeCell ref="B10:I10"/>
    <mergeCell ref="B11:I11"/>
    <mergeCell ref="D14:F14"/>
    <mergeCell ref="G14:I14"/>
    <mergeCell ref="D15:D16"/>
    <mergeCell ref="E15:E16"/>
    <mergeCell ref="F15:F16"/>
    <mergeCell ref="G15:G16"/>
    <mergeCell ref="H15:H16"/>
    <mergeCell ref="I15:I16"/>
    <mergeCell ref="B14:C16"/>
    <mergeCell ref="B35:C35"/>
    <mergeCell ref="B32:C32"/>
    <mergeCell ref="B21:C21"/>
    <mergeCell ref="B22:C22"/>
    <mergeCell ref="B23:C23"/>
    <mergeCell ref="B28:C28"/>
    <mergeCell ref="B41:C41"/>
    <mergeCell ref="B19:C19"/>
    <mergeCell ref="B20:C20"/>
    <mergeCell ref="B37:C37"/>
    <mergeCell ref="B34:C34"/>
    <mergeCell ref="B38:C38"/>
    <mergeCell ref="B5:I5"/>
    <mergeCell ref="B6:I6"/>
    <mergeCell ref="B7:I7"/>
    <mergeCell ref="B8:I8"/>
    <mergeCell ref="B9:I9"/>
    <mergeCell ref="B27:C27"/>
    <mergeCell ref="B26:C26"/>
    <mergeCell ref="B25:C25"/>
    <mergeCell ref="B24:C24"/>
    <mergeCell ref="B33:C33"/>
  </mergeCells>
  <phoneticPr fontId="3"/>
  <conditionalFormatting sqref="B19:I42">
    <cfRule type="expression" dxfId="0" priority="1" stopIfTrue="1">
      <formula>OR(RIGHT($B19,2)="６月",RIGHT($B19,3)="12月")</formula>
    </cfRule>
  </conditionalFormatting>
  <printOptions horizontalCentered="1" gridLinesSet="0"/>
  <pageMargins left="0.59055118110236227" right="0.19685039370078741" top="0.6692913385826772" bottom="0.51181102362204722" header="0.31496062992125984" footer="0.15748031496062992"/>
  <pageSetup paperSize="9" scale="96" fitToHeight="0" orientation="portrait" r:id="rId1"/>
  <headerFooter alignWithMargins="0">
    <oddFooter>&amp;C- 24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AF4553-6468-4F69-9123-27E6F93B37BD}">
  <sheetPr codeName="Sheet8">
    <tabColor indexed="52"/>
    <pageSetUpPr fitToPage="1"/>
  </sheetPr>
  <dimension ref="A1:P51"/>
  <sheetViews>
    <sheetView view="pageBreakPreview" zoomScaleNormal="85" zoomScaleSheetLayoutView="100" workbookViewId="0">
      <selection sqref="A1:A48"/>
    </sheetView>
  </sheetViews>
  <sheetFormatPr defaultColWidth="9" defaultRowHeight="14.25" customHeight="1" x14ac:dyDescent="0.15"/>
  <cols>
    <col min="1" max="1" width="5" style="173" customWidth="1"/>
    <col min="2" max="2" width="6.625" style="172" customWidth="1"/>
    <col min="3" max="3" width="22.5" style="38" customWidth="1"/>
    <col min="4" max="4" width="9.375" style="36" customWidth="1"/>
    <col min="5" max="14" width="9.375" style="38" customWidth="1"/>
    <col min="15" max="15" width="6.625" style="38" customWidth="1"/>
  </cols>
  <sheetData>
    <row r="1" spans="1:16" ht="22.5" customHeight="1" x14ac:dyDescent="0.15">
      <c r="A1" s="547" t="s">
        <v>76</v>
      </c>
      <c r="B1" s="490" t="s">
        <v>77</v>
      </c>
      <c r="C1" s="490"/>
      <c r="D1" s="490"/>
      <c r="E1" s="490"/>
      <c r="F1" s="490"/>
      <c r="G1" s="490"/>
      <c r="H1" s="490"/>
      <c r="I1" s="490"/>
      <c r="J1" s="490"/>
      <c r="K1" s="490"/>
      <c r="L1" s="490"/>
      <c r="M1" s="490"/>
      <c r="N1" s="490"/>
      <c r="O1" s="490"/>
      <c r="P1" s="3"/>
    </row>
    <row r="2" spans="1:16" ht="11.25" customHeight="1" thickBot="1" x14ac:dyDescent="0.2">
      <c r="A2" s="547"/>
      <c r="B2" s="548" t="s">
        <v>78</v>
      </c>
      <c r="C2" s="548"/>
      <c r="D2" s="548"/>
      <c r="E2" s="548"/>
      <c r="F2" s="548"/>
      <c r="G2" s="548"/>
      <c r="N2" s="549" t="s">
        <v>79</v>
      </c>
      <c r="O2" s="549"/>
    </row>
    <row r="3" spans="1:16" ht="7.5" customHeight="1" x14ac:dyDescent="0.15">
      <c r="A3" s="547"/>
      <c r="B3" s="492" t="s">
        <v>80</v>
      </c>
      <c r="C3" s="519"/>
      <c r="D3" s="131"/>
      <c r="E3" s="492" t="s">
        <v>81</v>
      </c>
      <c r="F3" s="550"/>
      <c r="G3" s="550"/>
      <c r="H3" s="133"/>
      <c r="I3" s="132"/>
      <c r="J3" s="557" t="s">
        <v>82</v>
      </c>
      <c r="K3" s="133"/>
      <c r="L3" s="134"/>
      <c r="M3" s="557" t="s">
        <v>83</v>
      </c>
      <c r="N3" s="133"/>
      <c r="O3" s="492" t="s">
        <v>84</v>
      </c>
    </row>
    <row r="4" spans="1:16" ht="7.5" customHeight="1" x14ac:dyDescent="0.15">
      <c r="A4" s="547"/>
      <c r="B4" s="494"/>
      <c r="C4" s="520"/>
      <c r="D4" s="135"/>
      <c r="E4" s="551"/>
      <c r="F4" s="551"/>
      <c r="G4" s="551"/>
      <c r="H4" s="137"/>
      <c r="I4" s="136"/>
      <c r="J4" s="558"/>
      <c r="K4" s="137"/>
      <c r="L4" s="138"/>
      <c r="M4" s="558"/>
      <c r="N4" s="137"/>
      <c r="O4" s="494"/>
    </row>
    <row r="5" spans="1:16" ht="7.5" customHeight="1" x14ac:dyDescent="0.15">
      <c r="A5" s="547"/>
      <c r="B5" s="494"/>
      <c r="C5" s="520"/>
      <c r="D5" s="554" t="s">
        <v>42</v>
      </c>
      <c r="E5" s="139"/>
      <c r="F5" s="139"/>
      <c r="G5" s="139"/>
      <c r="H5" s="140"/>
      <c r="I5" s="554" t="s">
        <v>42</v>
      </c>
      <c r="J5" s="141"/>
      <c r="K5" s="142"/>
      <c r="L5" s="554" t="s">
        <v>42</v>
      </c>
      <c r="M5" s="141"/>
      <c r="N5" s="142"/>
      <c r="O5" s="494"/>
    </row>
    <row r="6" spans="1:16" ht="7.5" customHeight="1" x14ac:dyDescent="0.15">
      <c r="A6" s="547"/>
      <c r="B6" s="494"/>
      <c r="C6" s="520"/>
      <c r="D6" s="555"/>
      <c r="E6" s="543" t="s">
        <v>85</v>
      </c>
      <c r="F6" s="139"/>
      <c r="G6" s="140"/>
      <c r="H6" s="545" t="s">
        <v>86</v>
      </c>
      <c r="I6" s="555"/>
      <c r="J6" s="543" t="s">
        <v>85</v>
      </c>
      <c r="K6" s="545" t="s">
        <v>86</v>
      </c>
      <c r="L6" s="555"/>
      <c r="M6" s="543" t="s">
        <v>85</v>
      </c>
      <c r="N6" s="545" t="s">
        <v>86</v>
      </c>
      <c r="O6" s="494"/>
    </row>
    <row r="7" spans="1:16" ht="7.5" customHeight="1" x14ac:dyDescent="0.15">
      <c r="A7" s="547"/>
      <c r="B7" s="494"/>
      <c r="C7" s="520"/>
      <c r="D7" s="555"/>
      <c r="E7" s="544"/>
      <c r="F7" s="552" t="s">
        <v>87</v>
      </c>
      <c r="G7" s="552" t="s">
        <v>88</v>
      </c>
      <c r="H7" s="546"/>
      <c r="I7" s="555"/>
      <c r="J7" s="544"/>
      <c r="K7" s="546"/>
      <c r="L7" s="555"/>
      <c r="M7" s="544"/>
      <c r="N7" s="546"/>
      <c r="O7" s="494"/>
    </row>
    <row r="8" spans="1:16" ht="7.5" customHeight="1" x14ac:dyDescent="0.15">
      <c r="A8" s="547"/>
      <c r="B8" s="521"/>
      <c r="C8" s="522"/>
      <c r="D8" s="556"/>
      <c r="E8" s="544"/>
      <c r="F8" s="553"/>
      <c r="G8" s="553"/>
      <c r="H8" s="546"/>
      <c r="I8" s="556"/>
      <c r="J8" s="544"/>
      <c r="K8" s="546"/>
      <c r="L8" s="556"/>
      <c r="M8" s="544"/>
      <c r="N8" s="546"/>
      <c r="O8" s="521"/>
    </row>
    <row r="9" spans="1:16" ht="13.5" customHeight="1" x14ac:dyDescent="0.15">
      <c r="A9" s="547"/>
      <c r="B9" s="145" t="s">
        <v>89</v>
      </c>
      <c r="C9" s="146" t="s">
        <v>90</v>
      </c>
      <c r="D9" s="147">
        <v>316374</v>
      </c>
      <c r="E9" s="148">
        <v>294286</v>
      </c>
      <c r="F9" s="148">
        <v>272718</v>
      </c>
      <c r="G9" s="148">
        <v>21568</v>
      </c>
      <c r="H9" s="148">
        <v>22088</v>
      </c>
      <c r="I9" s="147">
        <v>390599</v>
      </c>
      <c r="J9" s="148">
        <v>365257</v>
      </c>
      <c r="K9" s="148">
        <v>25342</v>
      </c>
      <c r="L9" s="147">
        <v>232968</v>
      </c>
      <c r="M9" s="148">
        <v>214536</v>
      </c>
      <c r="N9" s="149">
        <v>18432</v>
      </c>
      <c r="O9" s="145" t="s">
        <v>89</v>
      </c>
    </row>
    <row r="10" spans="1:16" ht="7.5" customHeight="1" x14ac:dyDescent="0.15">
      <c r="A10" s="547"/>
      <c r="B10" s="150"/>
      <c r="C10" s="151"/>
      <c r="D10" s="152"/>
      <c r="E10" s="153"/>
      <c r="F10" s="153"/>
      <c r="G10" s="153"/>
      <c r="H10" s="153"/>
      <c r="I10" s="152"/>
      <c r="J10" s="153"/>
      <c r="K10" s="153"/>
      <c r="L10" s="152"/>
      <c r="M10" s="153"/>
      <c r="N10" s="154"/>
      <c r="O10" s="150"/>
    </row>
    <row r="11" spans="1:16" ht="13.5" customHeight="1" x14ac:dyDescent="0.15">
      <c r="A11" s="547"/>
      <c r="B11" s="150" t="s">
        <v>91</v>
      </c>
      <c r="C11" s="155" t="s">
        <v>1</v>
      </c>
      <c r="D11" s="152">
        <v>409027</v>
      </c>
      <c r="E11" s="153">
        <v>400836</v>
      </c>
      <c r="F11" s="153">
        <v>357736</v>
      </c>
      <c r="G11" s="153">
        <v>43100</v>
      </c>
      <c r="H11" s="153">
        <v>8191</v>
      </c>
      <c r="I11" s="152">
        <v>429567</v>
      </c>
      <c r="J11" s="153">
        <v>422444</v>
      </c>
      <c r="K11" s="153">
        <v>7123</v>
      </c>
      <c r="L11" s="152">
        <v>292403</v>
      </c>
      <c r="M11" s="153">
        <v>278147</v>
      </c>
      <c r="N11" s="154">
        <v>14256</v>
      </c>
      <c r="O11" s="150" t="s">
        <v>91</v>
      </c>
    </row>
    <row r="12" spans="1:16" ht="13.5" customHeight="1" x14ac:dyDescent="0.15">
      <c r="A12" s="547"/>
      <c r="B12" s="145" t="s">
        <v>92</v>
      </c>
      <c r="C12" s="146" t="s">
        <v>2</v>
      </c>
      <c r="D12" s="156">
        <v>445902</v>
      </c>
      <c r="E12" s="157">
        <v>408866</v>
      </c>
      <c r="F12" s="157">
        <v>368745</v>
      </c>
      <c r="G12" s="157">
        <v>40121</v>
      </c>
      <c r="H12" s="157">
        <v>37036</v>
      </c>
      <c r="I12" s="156">
        <v>494879</v>
      </c>
      <c r="J12" s="157">
        <v>453943</v>
      </c>
      <c r="K12" s="157">
        <v>40936</v>
      </c>
      <c r="L12" s="156">
        <v>311207</v>
      </c>
      <c r="M12" s="157">
        <v>284894</v>
      </c>
      <c r="N12" s="158">
        <v>26313</v>
      </c>
      <c r="O12" s="145" t="s">
        <v>92</v>
      </c>
    </row>
    <row r="13" spans="1:16" ht="13.5" customHeight="1" x14ac:dyDescent="0.15">
      <c r="A13" s="547"/>
      <c r="B13" s="150" t="s">
        <v>93</v>
      </c>
      <c r="C13" s="155" t="s">
        <v>3</v>
      </c>
      <c r="D13" s="152">
        <v>454142</v>
      </c>
      <c r="E13" s="153">
        <v>450045</v>
      </c>
      <c r="F13" s="153">
        <v>406494</v>
      </c>
      <c r="G13" s="153">
        <v>43551</v>
      </c>
      <c r="H13" s="153">
        <v>4097</v>
      </c>
      <c r="I13" s="152">
        <v>479879</v>
      </c>
      <c r="J13" s="153">
        <v>475434</v>
      </c>
      <c r="K13" s="153">
        <v>4445</v>
      </c>
      <c r="L13" s="152">
        <v>255765</v>
      </c>
      <c r="M13" s="153">
        <v>254350</v>
      </c>
      <c r="N13" s="154">
        <v>1415</v>
      </c>
      <c r="O13" s="150" t="s">
        <v>93</v>
      </c>
    </row>
    <row r="14" spans="1:16" ht="13.5" customHeight="1" x14ac:dyDescent="0.15">
      <c r="A14" s="547"/>
      <c r="B14" s="145" t="s">
        <v>94</v>
      </c>
      <c r="C14" s="146" t="s">
        <v>4</v>
      </c>
      <c r="D14" s="156">
        <v>458014</v>
      </c>
      <c r="E14" s="157">
        <v>434527</v>
      </c>
      <c r="F14" s="157">
        <v>397319</v>
      </c>
      <c r="G14" s="157">
        <v>37208</v>
      </c>
      <c r="H14" s="157">
        <v>23487</v>
      </c>
      <c r="I14" s="156">
        <v>484575</v>
      </c>
      <c r="J14" s="157">
        <v>462289</v>
      </c>
      <c r="K14" s="157">
        <v>22286</v>
      </c>
      <c r="L14" s="156">
        <v>375064</v>
      </c>
      <c r="M14" s="157">
        <v>347827</v>
      </c>
      <c r="N14" s="158">
        <v>27237</v>
      </c>
      <c r="O14" s="145" t="s">
        <v>94</v>
      </c>
    </row>
    <row r="15" spans="1:16" ht="13.5" customHeight="1" x14ac:dyDescent="0.15">
      <c r="A15" s="547"/>
      <c r="B15" s="150" t="s">
        <v>95</v>
      </c>
      <c r="C15" s="155" t="s">
        <v>5</v>
      </c>
      <c r="D15" s="152">
        <v>333129</v>
      </c>
      <c r="E15" s="153">
        <v>327117</v>
      </c>
      <c r="F15" s="153">
        <v>287472</v>
      </c>
      <c r="G15" s="153">
        <v>39645</v>
      </c>
      <c r="H15" s="153">
        <v>6012</v>
      </c>
      <c r="I15" s="152">
        <v>374607</v>
      </c>
      <c r="J15" s="153">
        <v>367967</v>
      </c>
      <c r="K15" s="153">
        <v>6640</v>
      </c>
      <c r="L15" s="152">
        <v>220649</v>
      </c>
      <c r="M15" s="153">
        <v>216340</v>
      </c>
      <c r="N15" s="154">
        <v>4309</v>
      </c>
      <c r="O15" s="150" t="s">
        <v>95</v>
      </c>
    </row>
    <row r="16" spans="1:16" ht="13.5" customHeight="1" x14ac:dyDescent="0.15">
      <c r="A16" s="547"/>
      <c r="B16" s="145" t="s">
        <v>96</v>
      </c>
      <c r="C16" s="146" t="s">
        <v>6</v>
      </c>
      <c r="D16" s="156">
        <v>232089</v>
      </c>
      <c r="E16" s="157">
        <v>219337</v>
      </c>
      <c r="F16" s="157">
        <v>206289</v>
      </c>
      <c r="G16" s="157">
        <v>13048</v>
      </c>
      <c r="H16" s="157">
        <v>12752</v>
      </c>
      <c r="I16" s="156">
        <v>307703</v>
      </c>
      <c r="J16" s="157">
        <v>295963</v>
      </c>
      <c r="K16" s="157">
        <v>11740</v>
      </c>
      <c r="L16" s="156">
        <v>173432</v>
      </c>
      <c r="M16" s="157">
        <v>159896</v>
      </c>
      <c r="N16" s="158">
        <v>13536</v>
      </c>
      <c r="O16" s="145" t="s">
        <v>96</v>
      </c>
    </row>
    <row r="17" spans="1:15" ht="13.5" customHeight="1" x14ac:dyDescent="0.15">
      <c r="A17" s="547"/>
      <c r="B17" s="150" t="s">
        <v>97</v>
      </c>
      <c r="C17" s="155" t="s">
        <v>7</v>
      </c>
      <c r="D17" s="152">
        <v>432717</v>
      </c>
      <c r="E17" s="153">
        <v>407503</v>
      </c>
      <c r="F17" s="153">
        <v>378056</v>
      </c>
      <c r="G17" s="153">
        <v>29447</v>
      </c>
      <c r="H17" s="153">
        <v>25214</v>
      </c>
      <c r="I17" s="152">
        <v>584510</v>
      </c>
      <c r="J17" s="153">
        <v>547124</v>
      </c>
      <c r="K17" s="153">
        <v>37386</v>
      </c>
      <c r="L17" s="152">
        <v>316856</v>
      </c>
      <c r="M17" s="153">
        <v>300933</v>
      </c>
      <c r="N17" s="154">
        <v>15923</v>
      </c>
      <c r="O17" s="150" t="s">
        <v>97</v>
      </c>
    </row>
    <row r="18" spans="1:15" ht="13.5" customHeight="1" x14ac:dyDescent="0.15">
      <c r="A18" s="547"/>
      <c r="B18" s="145" t="s">
        <v>98</v>
      </c>
      <c r="C18" s="146" t="s">
        <v>8</v>
      </c>
      <c r="D18" s="156">
        <v>339323</v>
      </c>
      <c r="E18" s="157">
        <v>322422</v>
      </c>
      <c r="F18" s="157">
        <v>302032</v>
      </c>
      <c r="G18" s="157">
        <v>20390</v>
      </c>
      <c r="H18" s="157">
        <v>16901</v>
      </c>
      <c r="I18" s="156">
        <v>390319</v>
      </c>
      <c r="J18" s="157">
        <v>367339</v>
      </c>
      <c r="K18" s="157">
        <v>22980</v>
      </c>
      <c r="L18" s="156">
        <v>260024</v>
      </c>
      <c r="M18" s="157">
        <v>252576</v>
      </c>
      <c r="N18" s="158">
        <v>7448</v>
      </c>
      <c r="O18" s="145" t="s">
        <v>98</v>
      </c>
    </row>
    <row r="19" spans="1:15" ht="13.5" customHeight="1" x14ac:dyDescent="0.15">
      <c r="A19" s="547"/>
      <c r="B19" s="150" t="s">
        <v>99</v>
      </c>
      <c r="C19" s="155" t="s">
        <v>9</v>
      </c>
      <c r="D19" s="152">
        <v>545400</v>
      </c>
      <c r="E19" s="153">
        <v>477416</v>
      </c>
      <c r="F19" s="153">
        <v>445776</v>
      </c>
      <c r="G19" s="153">
        <v>31640</v>
      </c>
      <c r="H19" s="153">
        <v>67984</v>
      </c>
      <c r="I19" s="152">
        <v>619663</v>
      </c>
      <c r="J19" s="153">
        <v>540665</v>
      </c>
      <c r="K19" s="153">
        <v>78998</v>
      </c>
      <c r="L19" s="152">
        <v>374505</v>
      </c>
      <c r="M19" s="153">
        <v>331867</v>
      </c>
      <c r="N19" s="154">
        <v>42638</v>
      </c>
      <c r="O19" s="150" t="s">
        <v>99</v>
      </c>
    </row>
    <row r="20" spans="1:15" ht="13.5" customHeight="1" x14ac:dyDescent="0.15">
      <c r="A20" s="547"/>
      <c r="B20" s="145" t="s">
        <v>100</v>
      </c>
      <c r="C20" s="146" t="s">
        <v>10</v>
      </c>
      <c r="D20" s="156">
        <v>125516</v>
      </c>
      <c r="E20" s="157">
        <v>123211</v>
      </c>
      <c r="F20" s="157">
        <v>113251</v>
      </c>
      <c r="G20" s="157">
        <v>9960</v>
      </c>
      <c r="H20" s="157">
        <v>2305</v>
      </c>
      <c r="I20" s="156">
        <v>146038</v>
      </c>
      <c r="J20" s="157">
        <v>142018</v>
      </c>
      <c r="K20" s="157">
        <v>4020</v>
      </c>
      <c r="L20" s="156">
        <v>110443</v>
      </c>
      <c r="M20" s="157">
        <v>109398</v>
      </c>
      <c r="N20" s="158">
        <v>1045</v>
      </c>
      <c r="O20" s="145" t="s">
        <v>100</v>
      </c>
    </row>
    <row r="21" spans="1:15" ht="13.5" customHeight="1" x14ac:dyDescent="0.15">
      <c r="A21" s="547"/>
      <c r="B21" s="150" t="s">
        <v>101</v>
      </c>
      <c r="C21" s="155" t="s">
        <v>11</v>
      </c>
      <c r="D21" s="152">
        <v>241761</v>
      </c>
      <c r="E21" s="153">
        <v>215800</v>
      </c>
      <c r="F21" s="153">
        <v>204172</v>
      </c>
      <c r="G21" s="153">
        <v>11628</v>
      </c>
      <c r="H21" s="153">
        <v>25961</v>
      </c>
      <c r="I21" s="152">
        <v>252936</v>
      </c>
      <c r="J21" s="153">
        <v>230866</v>
      </c>
      <c r="K21" s="153">
        <v>22070</v>
      </c>
      <c r="L21" s="152">
        <v>231579</v>
      </c>
      <c r="M21" s="153">
        <v>202071</v>
      </c>
      <c r="N21" s="154">
        <v>29508</v>
      </c>
      <c r="O21" s="150" t="s">
        <v>101</v>
      </c>
    </row>
    <row r="22" spans="1:15" ht="13.5" customHeight="1" x14ac:dyDescent="0.15">
      <c r="A22" s="547"/>
      <c r="B22" s="145" t="s">
        <v>102</v>
      </c>
      <c r="C22" s="146" t="s">
        <v>12</v>
      </c>
      <c r="D22" s="156">
        <v>312550</v>
      </c>
      <c r="E22" s="157">
        <v>304462</v>
      </c>
      <c r="F22" s="157">
        <v>298487</v>
      </c>
      <c r="G22" s="157">
        <v>5975</v>
      </c>
      <c r="H22" s="157">
        <v>8088</v>
      </c>
      <c r="I22" s="156">
        <v>344713</v>
      </c>
      <c r="J22" s="157">
        <v>332720</v>
      </c>
      <c r="K22" s="157">
        <v>11993</v>
      </c>
      <c r="L22" s="156">
        <v>281835</v>
      </c>
      <c r="M22" s="157">
        <v>277477</v>
      </c>
      <c r="N22" s="158">
        <v>4358</v>
      </c>
      <c r="O22" s="145" t="s">
        <v>102</v>
      </c>
    </row>
    <row r="23" spans="1:15" ht="13.5" customHeight="1" x14ac:dyDescent="0.15">
      <c r="A23" s="547"/>
      <c r="B23" s="150" t="s">
        <v>103</v>
      </c>
      <c r="C23" s="155" t="s">
        <v>13</v>
      </c>
      <c r="D23" s="152">
        <v>313323</v>
      </c>
      <c r="E23" s="153">
        <v>272400</v>
      </c>
      <c r="F23" s="153">
        <v>259148</v>
      </c>
      <c r="G23" s="153">
        <v>13252</v>
      </c>
      <c r="H23" s="153">
        <v>40923</v>
      </c>
      <c r="I23" s="152">
        <v>428227</v>
      </c>
      <c r="J23" s="153">
        <v>366764</v>
      </c>
      <c r="K23" s="153">
        <v>61463</v>
      </c>
      <c r="L23" s="152">
        <v>270888</v>
      </c>
      <c r="M23" s="153">
        <v>237551</v>
      </c>
      <c r="N23" s="154">
        <v>33337</v>
      </c>
      <c r="O23" s="150" t="s">
        <v>103</v>
      </c>
    </row>
    <row r="24" spans="1:15" ht="13.5" customHeight="1" x14ac:dyDescent="0.15">
      <c r="A24" s="547"/>
      <c r="B24" s="145" t="s">
        <v>104</v>
      </c>
      <c r="C24" s="146" t="s">
        <v>14</v>
      </c>
      <c r="D24" s="159">
        <v>330947</v>
      </c>
      <c r="E24" s="160">
        <v>330563</v>
      </c>
      <c r="F24" s="160">
        <v>317329</v>
      </c>
      <c r="G24" s="160">
        <v>13234</v>
      </c>
      <c r="H24" s="160">
        <v>384</v>
      </c>
      <c r="I24" s="159">
        <v>403206</v>
      </c>
      <c r="J24" s="160">
        <v>402692</v>
      </c>
      <c r="K24" s="160">
        <v>514</v>
      </c>
      <c r="L24" s="159">
        <v>256523</v>
      </c>
      <c r="M24" s="160">
        <v>256273</v>
      </c>
      <c r="N24" s="161">
        <v>250</v>
      </c>
      <c r="O24" s="145" t="s">
        <v>104</v>
      </c>
    </row>
    <row r="25" spans="1:15" ht="13.5" customHeight="1" x14ac:dyDescent="0.15">
      <c r="A25" s="547"/>
      <c r="B25" s="150" t="s">
        <v>105</v>
      </c>
      <c r="C25" s="155" t="s">
        <v>15</v>
      </c>
      <c r="D25" s="152">
        <v>290639</v>
      </c>
      <c r="E25" s="153">
        <v>280301</v>
      </c>
      <c r="F25" s="153">
        <v>257813</v>
      </c>
      <c r="G25" s="153">
        <v>22488</v>
      </c>
      <c r="H25" s="153">
        <v>10338</v>
      </c>
      <c r="I25" s="152">
        <v>340910</v>
      </c>
      <c r="J25" s="153">
        <v>327804</v>
      </c>
      <c r="K25" s="153">
        <v>13106</v>
      </c>
      <c r="L25" s="152">
        <v>208531</v>
      </c>
      <c r="M25" s="153">
        <v>202715</v>
      </c>
      <c r="N25" s="154">
        <v>5816</v>
      </c>
      <c r="O25" s="150" t="s">
        <v>105</v>
      </c>
    </row>
    <row r="26" spans="1:15" ht="7.5" customHeight="1" x14ac:dyDescent="0.15">
      <c r="A26" s="547"/>
      <c r="B26" s="150"/>
      <c r="C26" s="155"/>
      <c r="D26" s="152"/>
      <c r="E26" s="153"/>
      <c r="F26" s="153"/>
      <c r="G26" s="153"/>
      <c r="H26" s="153"/>
      <c r="I26" s="152"/>
      <c r="J26" s="153"/>
      <c r="K26" s="153"/>
      <c r="L26" s="152"/>
      <c r="M26" s="153"/>
      <c r="N26" s="154"/>
      <c r="O26" s="150"/>
    </row>
    <row r="27" spans="1:15" ht="13.5" customHeight="1" x14ac:dyDescent="0.15">
      <c r="A27" s="547"/>
      <c r="B27" s="145" t="s">
        <v>106</v>
      </c>
      <c r="C27" s="146" t="s">
        <v>16</v>
      </c>
      <c r="D27" s="156">
        <v>298107</v>
      </c>
      <c r="E27" s="157">
        <v>266977</v>
      </c>
      <c r="F27" s="157">
        <v>236331</v>
      </c>
      <c r="G27" s="157">
        <v>30646</v>
      </c>
      <c r="H27" s="157">
        <v>31130</v>
      </c>
      <c r="I27" s="156">
        <v>389266</v>
      </c>
      <c r="J27" s="157">
        <v>343628</v>
      </c>
      <c r="K27" s="157">
        <v>45638</v>
      </c>
      <c r="L27" s="156">
        <v>220279</v>
      </c>
      <c r="M27" s="157">
        <v>201535</v>
      </c>
      <c r="N27" s="158">
        <v>18744</v>
      </c>
      <c r="O27" s="145" t="s">
        <v>106</v>
      </c>
    </row>
    <row r="28" spans="1:15" ht="13.5" customHeight="1" x14ac:dyDescent="0.15">
      <c r="A28" s="547"/>
      <c r="B28" s="150" t="s">
        <v>107</v>
      </c>
      <c r="C28" s="155" t="s">
        <v>17</v>
      </c>
      <c r="D28" s="162">
        <v>233407</v>
      </c>
      <c r="E28" s="163">
        <v>233407</v>
      </c>
      <c r="F28" s="163">
        <v>228846</v>
      </c>
      <c r="G28" s="163">
        <v>4561</v>
      </c>
      <c r="H28" s="163">
        <v>0</v>
      </c>
      <c r="I28" s="162">
        <v>339297</v>
      </c>
      <c r="J28" s="163">
        <v>339297</v>
      </c>
      <c r="K28" s="163">
        <v>0</v>
      </c>
      <c r="L28" s="162">
        <v>175498</v>
      </c>
      <c r="M28" s="163">
        <v>175498</v>
      </c>
      <c r="N28" s="164">
        <v>0</v>
      </c>
      <c r="O28" s="150" t="s">
        <v>107</v>
      </c>
    </row>
    <row r="29" spans="1:15" ht="13.5" customHeight="1" x14ac:dyDescent="0.15">
      <c r="A29" s="547"/>
      <c r="B29" s="145" t="s">
        <v>108</v>
      </c>
      <c r="C29" s="146" t="s">
        <v>18</v>
      </c>
      <c r="D29" s="159" t="s">
        <v>19</v>
      </c>
      <c r="E29" s="160" t="s">
        <v>19</v>
      </c>
      <c r="F29" s="160" t="s">
        <v>19</v>
      </c>
      <c r="G29" s="160" t="s">
        <v>19</v>
      </c>
      <c r="H29" s="160" t="s">
        <v>19</v>
      </c>
      <c r="I29" s="159" t="s">
        <v>19</v>
      </c>
      <c r="J29" s="160" t="s">
        <v>19</v>
      </c>
      <c r="K29" s="160" t="s">
        <v>19</v>
      </c>
      <c r="L29" s="159" t="s">
        <v>19</v>
      </c>
      <c r="M29" s="160" t="s">
        <v>19</v>
      </c>
      <c r="N29" s="161" t="s">
        <v>19</v>
      </c>
      <c r="O29" s="145" t="s">
        <v>108</v>
      </c>
    </row>
    <row r="30" spans="1:15" ht="13.5" customHeight="1" x14ac:dyDescent="0.15">
      <c r="A30" s="547"/>
      <c r="B30" s="150" t="s">
        <v>109</v>
      </c>
      <c r="C30" s="155" t="s">
        <v>20</v>
      </c>
      <c r="D30" s="152">
        <v>326102</v>
      </c>
      <c r="E30" s="153">
        <v>325661</v>
      </c>
      <c r="F30" s="153">
        <v>274538</v>
      </c>
      <c r="G30" s="153">
        <v>51123</v>
      </c>
      <c r="H30" s="153">
        <v>441</v>
      </c>
      <c r="I30" s="152">
        <v>340277</v>
      </c>
      <c r="J30" s="153">
        <v>340026</v>
      </c>
      <c r="K30" s="153">
        <v>251</v>
      </c>
      <c r="L30" s="152">
        <v>278851</v>
      </c>
      <c r="M30" s="153">
        <v>277774</v>
      </c>
      <c r="N30" s="154">
        <v>1077</v>
      </c>
      <c r="O30" s="150" t="s">
        <v>109</v>
      </c>
    </row>
    <row r="31" spans="1:15" ht="13.5" customHeight="1" x14ac:dyDescent="0.15">
      <c r="A31" s="547"/>
      <c r="B31" s="145" t="s">
        <v>110</v>
      </c>
      <c r="C31" s="146" t="s">
        <v>21</v>
      </c>
      <c r="D31" s="156">
        <v>601970</v>
      </c>
      <c r="E31" s="157">
        <v>325741</v>
      </c>
      <c r="F31" s="157">
        <v>291945</v>
      </c>
      <c r="G31" s="157">
        <v>33796</v>
      </c>
      <c r="H31" s="157">
        <v>276229</v>
      </c>
      <c r="I31" s="156">
        <v>632460</v>
      </c>
      <c r="J31" s="157">
        <v>401402</v>
      </c>
      <c r="K31" s="157">
        <v>231058</v>
      </c>
      <c r="L31" s="156">
        <v>573125</v>
      </c>
      <c r="M31" s="157">
        <v>254162</v>
      </c>
      <c r="N31" s="158">
        <v>318963</v>
      </c>
      <c r="O31" s="145" t="s">
        <v>110</v>
      </c>
    </row>
    <row r="32" spans="1:15" ht="13.5" customHeight="1" x14ac:dyDescent="0.15">
      <c r="A32" s="547"/>
      <c r="B32" s="150" t="s">
        <v>111</v>
      </c>
      <c r="C32" s="155" t="s">
        <v>22</v>
      </c>
      <c r="D32" s="152">
        <v>482255</v>
      </c>
      <c r="E32" s="153">
        <v>410824</v>
      </c>
      <c r="F32" s="153">
        <v>376201</v>
      </c>
      <c r="G32" s="153">
        <v>34623</v>
      </c>
      <c r="H32" s="153">
        <v>71431</v>
      </c>
      <c r="I32" s="152">
        <v>599916</v>
      </c>
      <c r="J32" s="153">
        <v>486304</v>
      </c>
      <c r="K32" s="153">
        <v>113612</v>
      </c>
      <c r="L32" s="152">
        <v>310102</v>
      </c>
      <c r="M32" s="153">
        <v>300387</v>
      </c>
      <c r="N32" s="154">
        <v>9715</v>
      </c>
      <c r="O32" s="150" t="s">
        <v>111</v>
      </c>
    </row>
    <row r="33" spans="1:15" ht="13.5" customHeight="1" x14ac:dyDescent="0.15">
      <c r="A33" s="547"/>
      <c r="B33" s="145" t="s">
        <v>112</v>
      </c>
      <c r="C33" s="146" t="s">
        <v>23</v>
      </c>
      <c r="D33" s="156">
        <v>471216</v>
      </c>
      <c r="E33" s="157">
        <v>378434</v>
      </c>
      <c r="F33" s="157">
        <v>349014</v>
      </c>
      <c r="G33" s="157">
        <v>29420</v>
      </c>
      <c r="H33" s="157">
        <v>92782</v>
      </c>
      <c r="I33" s="156">
        <v>512489</v>
      </c>
      <c r="J33" s="157">
        <v>408665</v>
      </c>
      <c r="K33" s="157">
        <v>103824</v>
      </c>
      <c r="L33" s="156">
        <v>317228</v>
      </c>
      <c r="M33" s="157">
        <v>265643</v>
      </c>
      <c r="N33" s="158">
        <v>51585</v>
      </c>
      <c r="O33" s="145" t="s">
        <v>112</v>
      </c>
    </row>
    <row r="34" spans="1:15" ht="13.5" customHeight="1" x14ac:dyDescent="0.15">
      <c r="A34" s="547"/>
      <c r="B34" s="150" t="s">
        <v>113</v>
      </c>
      <c r="C34" s="155" t="s">
        <v>24</v>
      </c>
      <c r="D34" s="152">
        <v>398688</v>
      </c>
      <c r="E34" s="153">
        <v>397740</v>
      </c>
      <c r="F34" s="153">
        <v>345010</v>
      </c>
      <c r="G34" s="153">
        <v>52730</v>
      </c>
      <c r="H34" s="153">
        <v>948</v>
      </c>
      <c r="I34" s="152">
        <v>417551</v>
      </c>
      <c r="J34" s="153">
        <v>416503</v>
      </c>
      <c r="K34" s="153">
        <v>1048</v>
      </c>
      <c r="L34" s="152">
        <v>320506</v>
      </c>
      <c r="M34" s="153">
        <v>319973</v>
      </c>
      <c r="N34" s="154">
        <v>533</v>
      </c>
      <c r="O34" s="150" t="s">
        <v>113</v>
      </c>
    </row>
    <row r="35" spans="1:15" ht="13.5" customHeight="1" x14ac:dyDescent="0.15">
      <c r="A35" s="547"/>
      <c r="B35" s="145" t="s">
        <v>114</v>
      </c>
      <c r="C35" s="146" t="s">
        <v>25</v>
      </c>
      <c r="D35" s="156">
        <v>479140</v>
      </c>
      <c r="E35" s="157">
        <v>426978</v>
      </c>
      <c r="F35" s="157">
        <v>391659</v>
      </c>
      <c r="G35" s="157">
        <v>35319</v>
      </c>
      <c r="H35" s="157">
        <v>52162</v>
      </c>
      <c r="I35" s="156">
        <v>498728</v>
      </c>
      <c r="J35" s="157">
        <v>449029</v>
      </c>
      <c r="K35" s="157">
        <v>49699</v>
      </c>
      <c r="L35" s="156">
        <v>405648</v>
      </c>
      <c r="M35" s="157">
        <v>344245</v>
      </c>
      <c r="N35" s="158">
        <v>61403</v>
      </c>
      <c r="O35" s="145" t="s">
        <v>114</v>
      </c>
    </row>
    <row r="36" spans="1:15" ht="13.5" customHeight="1" x14ac:dyDescent="0.15">
      <c r="A36" s="547"/>
      <c r="B36" s="150" t="s">
        <v>115</v>
      </c>
      <c r="C36" s="155" t="s">
        <v>26</v>
      </c>
      <c r="D36" s="152">
        <v>445678</v>
      </c>
      <c r="E36" s="153">
        <v>438565</v>
      </c>
      <c r="F36" s="153">
        <v>391129</v>
      </c>
      <c r="G36" s="153">
        <v>47436</v>
      </c>
      <c r="H36" s="153">
        <v>7113</v>
      </c>
      <c r="I36" s="152">
        <v>465061</v>
      </c>
      <c r="J36" s="153">
        <v>457393</v>
      </c>
      <c r="K36" s="153">
        <v>7668</v>
      </c>
      <c r="L36" s="152">
        <v>328686</v>
      </c>
      <c r="M36" s="153">
        <v>324919</v>
      </c>
      <c r="N36" s="154">
        <v>3767</v>
      </c>
      <c r="O36" s="150" t="s">
        <v>115</v>
      </c>
    </row>
    <row r="37" spans="1:15" ht="13.5" customHeight="1" x14ac:dyDescent="0.15">
      <c r="A37" s="547"/>
      <c r="B37" s="145" t="s">
        <v>116</v>
      </c>
      <c r="C37" s="146" t="s">
        <v>27</v>
      </c>
      <c r="D37" s="156">
        <v>420212</v>
      </c>
      <c r="E37" s="157">
        <v>419099</v>
      </c>
      <c r="F37" s="157">
        <v>378293</v>
      </c>
      <c r="G37" s="157">
        <v>40806</v>
      </c>
      <c r="H37" s="157">
        <v>1113</v>
      </c>
      <c r="I37" s="156">
        <v>440479</v>
      </c>
      <c r="J37" s="157">
        <v>439367</v>
      </c>
      <c r="K37" s="157">
        <v>1112</v>
      </c>
      <c r="L37" s="156">
        <v>296759</v>
      </c>
      <c r="M37" s="157">
        <v>295640</v>
      </c>
      <c r="N37" s="158">
        <v>1119</v>
      </c>
      <c r="O37" s="145" t="s">
        <v>116</v>
      </c>
    </row>
    <row r="38" spans="1:15" ht="13.5" customHeight="1" x14ac:dyDescent="0.15">
      <c r="A38" s="547"/>
      <c r="B38" s="150" t="s">
        <v>117</v>
      </c>
      <c r="C38" s="155" t="s">
        <v>28</v>
      </c>
      <c r="D38" s="152">
        <v>336668</v>
      </c>
      <c r="E38" s="153">
        <v>335771</v>
      </c>
      <c r="F38" s="153">
        <v>314891</v>
      </c>
      <c r="G38" s="153">
        <v>20880</v>
      </c>
      <c r="H38" s="153">
        <v>897</v>
      </c>
      <c r="I38" s="152">
        <v>364268</v>
      </c>
      <c r="J38" s="153">
        <v>363394</v>
      </c>
      <c r="K38" s="153">
        <v>874</v>
      </c>
      <c r="L38" s="152">
        <v>271613</v>
      </c>
      <c r="M38" s="153">
        <v>270664</v>
      </c>
      <c r="N38" s="154">
        <v>949</v>
      </c>
      <c r="O38" s="150" t="s">
        <v>117</v>
      </c>
    </row>
    <row r="39" spans="1:15" ht="13.5" customHeight="1" x14ac:dyDescent="0.15">
      <c r="A39" s="547"/>
      <c r="B39" s="145" t="s">
        <v>118</v>
      </c>
      <c r="C39" s="146" t="s">
        <v>29</v>
      </c>
      <c r="D39" s="156">
        <v>581504</v>
      </c>
      <c r="E39" s="157">
        <v>490644</v>
      </c>
      <c r="F39" s="157">
        <v>428549</v>
      </c>
      <c r="G39" s="157">
        <v>62095</v>
      </c>
      <c r="H39" s="157">
        <v>90860</v>
      </c>
      <c r="I39" s="156">
        <v>602923</v>
      </c>
      <c r="J39" s="157">
        <v>512604</v>
      </c>
      <c r="K39" s="157">
        <v>90319</v>
      </c>
      <c r="L39" s="156">
        <v>479662</v>
      </c>
      <c r="M39" s="157">
        <v>386230</v>
      </c>
      <c r="N39" s="158">
        <v>93432</v>
      </c>
      <c r="O39" s="145" t="s">
        <v>118</v>
      </c>
    </row>
    <row r="40" spans="1:15" ht="13.5" customHeight="1" x14ac:dyDescent="0.15">
      <c r="A40" s="547"/>
      <c r="B40" s="150" t="s">
        <v>119</v>
      </c>
      <c r="C40" s="155" t="s">
        <v>30</v>
      </c>
      <c r="D40" s="152">
        <v>394938</v>
      </c>
      <c r="E40" s="153">
        <v>394702</v>
      </c>
      <c r="F40" s="153">
        <v>367013</v>
      </c>
      <c r="G40" s="153">
        <v>27689</v>
      </c>
      <c r="H40" s="153">
        <v>236</v>
      </c>
      <c r="I40" s="152">
        <v>410673</v>
      </c>
      <c r="J40" s="153">
        <v>410407</v>
      </c>
      <c r="K40" s="153">
        <v>266</v>
      </c>
      <c r="L40" s="152">
        <v>309996</v>
      </c>
      <c r="M40" s="153">
        <v>309924</v>
      </c>
      <c r="N40" s="154">
        <v>72</v>
      </c>
      <c r="O40" s="150" t="s">
        <v>119</v>
      </c>
    </row>
    <row r="41" spans="1:15" ht="13.5" customHeight="1" x14ac:dyDescent="0.15">
      <c r="A41" s="547"/>
      <c r="B41" s="145" t="s">
        <v>120</v>
      </c>
      <c r="C41" s="146" t="s">
        <v>31</v>
      </c>
      <c r="D41" s="156">
        <v>477748</v>
      </c>
      <c r="E41" s="157">
        <v>428960</v>
      </c>
      <c r="F41" s="157">
        <v>386786</v>
      </c>
      <c r="G41" s="157">
        <v>42174</v>
      </c>
      <c r="H41" s="157">
        <v>48788</v>
      </c>
      <c r="I41" s="156">
        <v>515826</v>
      </c>
      <c r="J41" s="157">
        <v>459381</v>
      </c>
      <c r="K41" s="157">
        <v>56445</v>
      </c>
      <c r="L41" s="156">
        <v>325914</v>
      </c>
      <c r="M41" s="157">
        <v>307658</v>
      </c>
      <c r="N41" s="158">
        <v>18256</v>
      </c>
      <c r="O41" s="145" t="s">
        <v>120</v>
      </c>
    </row>
    <row r="42" spans="1:15" ht="13.5" customHeight="1" x14ac:dyDescent="0.15">
      <c r="A42" s="547"/>
      <c r="B42" s="150" t="s">
        <v>121</v>
      </c>
      <c r="C42" s="155" t="s">
        <v>32</v>
      </c>
      <c r="D42" s="152">
        <v>680512</v>
      </c>
      <c r="E42" s="153">
        <v>672122</v>
      </c>
      <c r="F42" s="153">
        <v>614557</v>
      </c>
      <c r="G42" s="153">
        <v>57565</v>
      </c>
      <c r="H42" s="153">
        <v>8390</v>
      </c>
      <c r="I42" s="152">
        <v>761150</v>
      </c>
      <c r="J42" s="153">
        <v>750968</v>
      </c>
      <c r="K42" s="153">
        <v>10182</v>
      </c>
      <c r="L42" s="152">
        <v>437264</v>
      </c>
      <c r="M42" s="153">
        <v>434283</v>
      </c>
      <c r="N42" s="154">
        <v>2981</v>
      </c>
      <c r="O42" s="150" t="s">
        <v>121</v>
      </c>
    </row>
    <row r="43" spans="1:15" ht="13.5" customHeight="1" x14ac:dyDescent="0.15">
      <c r="A43" s="547"/>
      <c r="B43" s="145" t="s">
        <v>122</v>
      </c>
      <c r="C43" s="146" t="s">
        <v>33</v>
      </c>
      <c r="D43" s="156">
        <v>444919</v>
      </c>
      <c r="E43" s="157">
        <v>365461</v>
      </c>
      <c r="F43" s="157">
        <v>336206</v>
      </c>
      <c r="G43" s="157">
        <v>29255</v>
      </c>
      <c r="H43" s="157">
        <v>79458</v>
      </c>
      <c r="I43" s="156">
        <v>504875</v>
      </c>
      <c r="J43" s="157">
        <v>409518</v>
      </c>
      <c r="K43" s="157">
        <v>95357</v>
      </c>
      <c r="L43" s="156">
        <v>280302</v>
      </c>
      <c r="M43" s="157">
        <v>244498</v>
      </c>
      <c r="N43" s="158">
        <v>35804</v>
      </c>
      <c r="O43" s="145" t="s">
        <v>122</v>
      </c>
    </row>
    <row r="44" spans="1:15" ht="13.5" customHeight="1" x14ac:dyDescent="0.15">
      <c r="A44" s="547"/>
      <c r="B44" s="150" t="s">
        <v>123</v>
      </c>
      <c r="C44" s="155" t="s">
        <v>34</v>
      </c>
      <c r="D44" s="152">
        <v>530909</v>
      </c>
      <c r="E44" s="153">
        <v>526823</v>
      </c>
      <c r="F44" s="153">
        <v>474544</v>
      </c>
      <c r="G44" s="153">
        <v>52279</v>
      </c>
      <c r="H44" s="153">
        <v>4086</v>
      </c>
      <c r="I44" s="152">
        <v>556180</v>
      </c>
      <c r="J44" s="153">
        <v>551736</v>
      </c>
      <c r="K44" s="153">
        <v>4444</v>
      </c>
      <c r="L44" s="152">
        <v>432598</v>
      </c>
      <c r="M44" s="153">
        <v>429903</v>
      </c>
      <c r="N44" s="154">
        <v>2695</v>
      </c>
      <c r="O44" s="150" t="s">
        <v>123</v>
      </c>
    </row>
    <row r="45" spans="1:15" ht="13.5" customHeight="1" x14ac:dyDescent="0.15">
      <c r="A45" s="547"/>
      <c r="B45" s="145" t="s">
        <v>124</v>
      </c>
      <c r="C45" s="146" t="s">
        <v>35</v>
      </c>
      <c r="D45" s="156">
        <v>448866</v>
      </c>
      <c r="E45" s="157">
        <v>430428</v>
      </c>
      <c r="F45" s="157">
        <v>378514</v>
      </c>
      <c r="G45" s="157">
        <v>51914</v>
      </c>
      <c r="H45" s="157">
        <v>18438</v>
      </c>
      <c r="I45" s="156">
        <v>462448</v>
      </c>
      <c r="J45" s="157">
        <v>442881</v>
      </c>
      <c r="K45" s="157">
        <v>19567</v>
      </c>
      <c r="L45" s="156">
        <v>355376</v>
      </c>
      <c r="M45" s="157">
        <v>344708</v>
      </c>
      <c r="N45" s="158">
        <v>10668</v>
      </c>
      <c r="O45" s="145" t="s">
        <v>124</v>
      </c>
    </row>
    <row r="46" spans="1:15" ht="13.5" customHeight="1" x14ac:dyDescent="0.15">
      <c r="A46" s="547"/>
      <c r="B46" s="150" t="s">
        <v>125</v>
      </c>
      <c r="C46" s="155" t="s">
        <v>36</v>
      </c>
      <c r="D46" s="152">
        <v>342236</v>
      </c>
      <c r="E46" s="153">
        <v>341953</v>
      </c>
      <c r="F46" s="153">
        <v>325368</v>
      </c>
      <c r="G46" s="153">
        <v>16585</v>
      </c>
      <c r="H46" s="153">
        <v>283</v>
      </c>
      <c r="I46" s="152">
        <v>378548</v>
      </c>
      <c r="J46" s="153">
        <v>378207</v>
      </c>
      <c r="K46" s="153">
        <v>341</v>
      </c>
      <c r="L46" s="152">
        <v>260600</v>
      </c>
      <c r="M46" s="153">
        <v>260448</v>
      </c>
      <c r="N46" s="154">
        <v>152</v>
      </c>
      <c r="O46" s="150" t="s">
        <v>125</v>
      </c>
    </row>
    <row r="47" spans="1:15" ht="7.5" customHeight="1" x14ac:dyDescent="0.15">
      <c r="A47" s="547"/>
      <c r="B47" s="150"/>
      <c r="C47" s="155"/>
      <c r="D47" s="152"/>
      <c r="E47" s="153"/>
      <c r="F47" s="153"/>
      <c r="G47" s="153"/>
      <c r="H47" s="153"/>
      <c r="I47" s="152"/>
      <c r="J47" s="153"/>
      <c r="K47" s="153"/>
      <c r="L47" s="152"/>
      <c r="M47" s="153"/>
      <c r="N47" s="154"/>
      <c r="O47" s="150"/>
    </row>
    <row r="48" spans="1:15" ht="13.5" customHeight="1" thickBot="1" x14ac:dyDescent="0.2">
      <c r="A48" s="547"/>
      <c r="B48" s="165" t="s">
        <v>126</v>
      </c>
      <c r="C48" s="166" t="s">
        <v>37</v>
      </c>
      <c r="D48" s="167">
        <v>360912</v>
      </c>
      <c r="E48" s="168">
        <v>328548</v>
      </c>
      <c r="F48" s="168">
        <v>307742</v>
      </c>
      <c r="G48" s="168">
        <v>20806</v>
      </c>
      <c r="H48" s="168">
        <v>32364</v>
      </c>
      <c r="I48" s="167">
        <v>489922</v>
      </c>
      <c r="J48" s="168">
        <v>444586</v>
      </c>
      <c r="K48" s="168">
        <v>45336</v>
      </c>
      <c r="L48" s="167">
        <v>310338</v>
      </c>
      <c r="M48" s="168">
        <v>283059</v>
      </c>
      <c r="N48" s="169">
        <v>27279</v>
      </c>
      <c r="O48" s="165" t="s">
        <v>126</v>
      </c>
    </row>
    <row r="49" spans="1:3" ht="14.25" customHeight="1" x14ac:dyDescent="0.15">
      <c r="A49" s="128"/>
      <c r="B49" s="170"/>
      <c r="C49" s="129"/>
    </row>
    <row r="50" spans="1:3" ht="14.25" customHeight="1" x14ac:dyDescent="0.15">
      <c r="A50" s="128"/>
      <c r="B50" s="170"/>
    </row>
    <row r="51" spans="1:3" ht="14.25" customHeight="1" x14ac:dyDescent="0.15">
      <c r="A51" s="171"/>
    </row>
  </sheetData>
  <mergeCells count="20">
    <mergeCell ref="J3:J4"/>
    <mergeCell ref="M3:M4"/>
    <mergeCell ref="O3:O8"/>
    <mergeCell ref="D5:D8"/>
    <mergeCell ref="E6:E8"/>
    <mergeCell ref="H6:H8"/>
    <mergeCell ref="J6:J8"/>
    <mergeCell ref="K6:K8"/>
    <mergeCell ref="A1:A48"/>
    <mergeCell ref="B1:O1"/>
    <mergeCell ref="B2:G2"/>
    <mergeCell ref="N2:O2"/>
    <mergeCell ref="B3:C8"/>
    <mergeCell ref="E3:G4"/>
    <mergeCell ref="M6:M8"/>
    <mergeCell ref="N6:N8"/>
    <mergeCell ref="F7:F8"/>
    <mergeCell ref="G7:G8"/>
    <mergeCell ref="I5:I8"/>
    <mergeCell ref="L5:L8"/>
  </mergeCells>
  <phoneticPr fontId="3"/>
  <printOptions horizontalCentered="1"/>
  <pageMargins left="0.59055118110236227" right="0.59055118110236227" top="0.39370078740157483" bottom="0.59055118110236227" header="0" footer="0.19685039370078741"/>
  <pageSetup paperSize="9" scale="95" orientation="landscape" errors="blank"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15C8AC-2337-4DD0-A9A9-C8BC92629B14}">
  <sheetPr codeName="Sheet9">
    <tabColor indexed="52"/>
  </sheetPr>
  <dimension ref="A1:O49"/>
  <sheetViews>
    <sheetView view="pageBreakPreview" zoomScaleNormal="80" zoomScaleSheetLayoutView="100" workbookViewId="0">
      <selection sqref="A1:A48"/>
    </sheetView>
  </sheetViews>
  <sheetFormatPr defaultColWidth="9" defaultRowHeight="13.5" x14ac:dyDescent="0.15"/>
  <cols>
    <col min="1" max="1" width="5" style="38" customWidth="1"/>
    <col min="2" max="2" width="6.625" style="172" customWidth="1"/>
    <col min="3" max="3" width="22.5" style="38" customWidth="1"/>
    <col min="4" max="4" width="9.375" style="36" customWidth="1"/>
    <col min="5" max="14" width="9.375" style="38" customWidth="1"/>
    <col min="15" max="15" width="6.625" style="38" customWidth="1"/>
  </cols>
  <sheetData>
    <row r="1" spans="1:15" ht="22.5" customHeight="1" x14ac:dyDescent="0.15">
      <c r="A1" s="547" t="s">
        <v>127</v>
      </c>
      <c r="B1" s="490" t="s">
        <v>128</v>
      </c>
      <c r="C1" s="559"/>
      <c r="D1" s="559"/>
      <c r="E1" s="559"/>
      <c r="F1" s="559"/>
      <c r="G1" s="559"/>
      <c r="H1" s="559"/>
      <c r="I1" s="559"/>
      <c r="J1" s="559"/>
      <c r="K1" s="559"/>
      <c r="L1" s="559"/>
      <c r="M1" s="559"/>
      <c r="N1" s="559"/>
      <c r="O1" s="559"/>
    </row>
    <row r="2" spans="1:15" ht="11.25" customHeight="1" thickBot="1" x14ac:dyDescent="0.2">
      <c r="A2" s="547"/>
      <c r="B2" s="548" t="s">
        <v>129</v>
      </c>
      <c r="C2" s="548"/>
      <c r="D2" s="548"/>
      <c r="E2" s="548"/>
      <c r="F2" s="548"/>
      <c r="G2" s="548"/>
      <c r="N2" s="549" t="s">
        <v>79</v>
      </c>
      <c r="O2" s="549"/>
    </row>
    <row r="3" spans="1:15" ht="7.5" customHeight="1" x14ac:dyDescent="0.15">
      <c r="A3" s="547"/>
      <c r="B3" s="492" t="s">
        <v>80</v>
      </c>
      <c r="C3" s="519"/>
      <c r="D3" s="131"/>
      <c r="E3" s="492" t="s">
        <v>81</v>
      </c>
      <c r="F3" s="550"/>
      <c r="G3" s="550"/>
      <c r="H3" s="133"/>
      <c r="I3" s="132"/>
      <c r="J3" s="557" t="s">
        <v>82</v>
      </c>
      <c r="K3" s="133"/>
      <c r="L3" s="134"/>
      <c r="M3" s="557" t="s">
        <v>83</v>
      </c>
      <c r="N3" s="133"/>
      <c r="O3" s="491" t="s">
        <v>84</v>
      </c>
    </row>
    <row r="4" spans="1:15" ht="7.5" customHeight="1" x14ac:dyDescent="0.15">
      <c r="A4" s="547"/>
      <c r="B4" s="494"/>
      <c r="C4" s="520"/>
      <c r="D4" s="135"/>
      <c r="E4" s="551"/>
      <c r="F4" s="551"/>
      <c r="G4" s="551"/>
      <c r="H4" s="137"/>
      <c r="I4" s="136"/>
      <c r="J4" s="558"/>
      <c r="K4" s="137"/>
      <c r="L4" s="138"/>
      <c r="M4" s="558"/>
      <c r="N4" s="137"/>
      <c r="O4" s="493"/>
    </row>
    <row r="5" spans="1:15" ht="7.5" customHeight="1" x14ac:dyDescent="0.15">
      <c r="A5" s="547"/>
      <c r="B5" s="494"/>
      <c r="C5" s="520"/>
      <c r="D5" s="554" t="s">
        <v>42</v>
      </c>
      <c r="E5" s="139"/>
      <c r="F5" s="139"/>
      <c r="G5" s="139"/>
      <c r="H5" s="140"/>
      <c r="I5" s="554" t="s">
        <v>42</v>
      </c>
      <c r="J5" s="141"/>
      <c r="K5" s="142"/>
      <c r="L5" s="554" t="s">
        <v>42</v>
      </c>
      <c r="M5" s="141"/>
      <c r="N5" s="142"/>
      <c r="O5" s="493"/>
    </row>
    <row r="6" spans="1:15" ht="7.5" customHeight="1" x14ac:dyDescent="0.15">
      <c r="A6" s="547"/>
      <c r="B6" s="494"/>
      <c r="C6" s="520"/>
      <c r="D6" s="555"/>
      <c r="E6" s="543" t="s">
        <v>85</v>
      </c>
      <c r="F6" s="139"/>
      <c r="G6" s="140"/>
      <c r="H6" s="545" t="s">
        <v>86</v>
      </c>
      <c r="I6" s="555"/>
      <c r="J6" s="543" t="s">
        <v>85</v>
      </c>
      <c r="K6" s="545" t="s">
        <v>86</v>
      </c>
      <c r="L6" s="555"/>
      <c r="M6" s="543" t="s">
        <v>85</v>
      </c>
      <c r="N6" s="545" t="s">
        <v>86</v>
      </c>
      <c r="O6" s="493"/>
    </row>
    <row r="7" spans="1:15" ht="7.5" customHeight="1" x14ac:dyDescent="0.15">
      <c r="A7" s="547"/>
      <c r="B7" s="494"/>
      <c r="C7" s="520"/>
      <c r="D7" s="555"/>
      <c r="E7" s="544"/>
      <c r="F7" s="552" t="s">
        <v>87</v>
      </c>
      <c r="G7" s="552" t="s">
        <v>88</v>
      </c>
      <c r="H7" s="546"/>
      <c r="I7" s="555"/>
      <c r="J7" s="544"/>
      <c r="K7" s="546"/>
      <c r="L7" s="555"/>
      <c r="M7" s="544"/>
      <c r="N7" s="546"/>
      <c r="O7" s="493"/>
    </row>
    <row r="8" spans="1:15" ht="7.5" customHeight="1" x14ac:dyDescent="0.15">
      <c r="A8" s="547"/>
      <c r="B8" s="521"/>
      <c r="C8" s="522"/>
      <c r="D8" s="556"/>
      <c r="E8" s="544"/>
      <c r="F8" s="553"/>
      <c r="G8" s="553"/>
      <c r="H8" s="546"/>
      <c r="I8" s="556"/>
      <c r="J8" s="544"/>
      <c r="K8" s="546"/>
      <c r="L8" s="556"/>
      <c r="M8" s="544"/>
      <c r="N8" s="546"/>
      <c r="O8" s="560"/>
    </row>
    <row r="9" spans="1:15" ht="13.5" customHeight="1" x14ac:dyDescent="0.15">
      <c r="A9" s="547"/>
      <c r="B9" s="145" t="s">
        <v>89</v>
      </c>
      <c r="C9" s="146" t="s">
        <v>90</v>
      </c>
      <c r="D9" s="174">
        <v>363188</v>
      </c>
      <c r="E9" s="175">
        <v>337600</v>
      </c>
      <c r="F9" s="175">
        <v>310496</v>
      </c>
      <c r="G9" s="175">
        <v>27104</v>
      </c>
      <c r="H9" s="175">
        <v>25588</v>
      </c>
      <c r="I9" s="174">
        <v>430357</v>
      </c>
      <c r="J9" s="175">
        <v>402617</v>
      </c>
      <c r="K9" s="175">
        <v>27740</v>
      </c>
      <c r="L9" s="174">
        <v>272376</v>
      </c>
      <c r="M9" s="175">
        <v>249697</v>
      </c>
      <c r="N9" s="176">
        <v>22679</v>
      </c>
      <c r="O9" s="145" t="s">
        <v>89</v>
      </c>
    </row>
    <row r="10" spans="1:15" ht="7.5" customHeight="1" x14ac:dyDescent="0.15">
      <c r="A10" s="547"/>
      <c r="B10" s="150"/>
      <c r="C10" s="151"/>
      <c r="D10" s="162"/>
      <c r="E10" s="163"/>
      <c r="F10" s="163"/>
      <c r="G10" s="163"/>
      <c r="H10" s="163"/>
      <c r="I10" s="162"/>
      <c r="J10" s="163"/>
      <c r="K10" s="163"/>
      <c r="L10" s="162"/>
      <c r="M10" s="163"/>
      <c r="N10" s="164"/>
      <c r="O10" s="150"/>
    </row>
    <row r="11" spans="1:15" ht="13.5" customHeight="1" x14ac:dyDescent="0.15">
      <c r="A11" s="547"/>
      <c r="B11" s="150" t="s">
        <v>91</v>
      </c>
      <c r="C11" s="155" t="s">
        <v>1</v>
      </c>
      <c r="D11" s="162">
        <v>463932</v>
      </c>
      <c r="E11" s="163">
        <v>453312</v>
      </c>
      <c r="F11" s="163">
        <v>398922</v>
      </c>
      <c r="G11" s="163">
        <v>54390</v>
      </c>
      <c r="H11" s="163">
        <v>10620</v>
      </c>
      <c r="I11" s="162">
        <v>481041</v>
      </c>
      <c r="J11" s="163">
        <v>469784</v>
      </c>
      <c r="K11" s="163">
        <v>11257</v>
      </c>
      <c r="L11" s="162">
        <v>344877</v>
      </c>
      <c r="M11" s="163">
        <v>338688</v>
      </c>
      <c r="N11" s="164">
        <v>6189</v>
      </c>
      <c r="O11" s="150" t="s">
        <v>91</v>
      </c>
    </row>
    <row r="12" spans="1:15" ht="13.5" customHeight="1" x14ac:dyDescent="0.15">
      <c r="A12" s="547"/>
      <c r="B12" s="145" t="s">
        <v>92</v>
      </c>
      <c r="C12" s="146" t="s">
        <v>2</v>
      </c>
      <c r="D12" s="159">
        <v>457239</v>
      </c>
      <c r="E12" s="160">
        <v>422838</v>
      </c>
      <c r="F12" s="160">
        <v>378232</v>
      </c>
      <c r="G12" s="160">
        <v>44606</v>
      </c>
      <c r="H12" s="160">
        <v>34401</v>
      </c>
      <c r="I12" s="159">
        <v>503413</v>
      </c>
      <c r="J12" s="160">
        <v>466511</v>
      </c>
      <c r="K12" s="160">
        <v>36902</v>
      </c>
      <c r="L12" s="159">
        <v>324660</v>
      </c>
      <c r="M12" s="160">
        <v>297438</v>
      </c>
      <c r="N12" s="161">
        <v>27222</v>
      </c>
      <c r="O12" s="145" t="s">
        <v>92</v>
      </c>
    </row>
    <row r="13" spans="1:15" ht="13.5" customHeight="1" x14ac:dyDescent="0.15">
      <c r="A13" s="547"/>
      <c r="B13" s="150" t="s">
        <v>93</v>
      </c>
      <c r="C13" s="155" t="s">
        <v>3</v>
      </c>
      <c r="D13" s="162">
        <v>454142</v>
      </c>
      <c r="E13" s="163">
        <v>450045</v>
      </c>
      <c r="F13" s="163">
        <v>406494</v>
      </c>
      <c r="G13" s="163">
        <v>43551</v>
      </c>
      <c r="H13" s="163">
        <v>4097</v>
      </c>
      <c r="I13" s="162">
        <v>479879</v>
      </c>
      <c r="J13" s="163">
        <v>475434</v>
      </c>
      <c r="K13" s="163">
        <v>4445</v>
      </c>
      <c r="L13" s="162">
        <v>255765</v>
      </c>
      <c r="M13" s="163">
        <v>254350</v>
      </c>
      <c r="N13" s="164">
        <v>1415</v>
      </c>
      <c r="O13" s="150" t="s">
        <v>93</v>
      </c>
    </row>
    <row r="14" spans="1:15" ht="13.5" customHeight="1" x14ac:dyDescent="0.15">
      <c r="A14" s="547"/>
      <c r="B14" s="145" t="s">
        <v>94</v>
      </c>
      <c r="C14" s="146" t="s">
        <v>4</v>
      </c>
      <c r="D14" s="159">
        <v>463915</v>
      </c>
      <c r="E14" s="160">
        <v>445912</v>
      </c>
      <c r="F14" s="160">
        <v>407014</v>
      </c>
      <c r="G14" s="160">
        <v>38898</v>
      </c>
      <c r="H14" s="160">
        <v>18003</v>
      </c>
      <c r="I14" s="159">
        <v>489153</v>
      </c>
      <c r="J14" s="160">
        <v>470577</v>
      </c>
      <c r="K14" s="160">
        <v>18576</v>
      </c>
      <c r="L14" s="159">
        <v>378703</v>
      </c>
      <c r="M14" s="160">
        <v>362637</v>
      </c>
      <c r="N14" s="161">
        <v>16066</v>
      </c>
      <c r="O14" s="145" t="s">
        <v>94</v>
      </c>
    </row>
    <row r="15" spans="1:15" ht="13.5" customHeight="1" x14ac:dyDescent="0.15">
      <c r="A15" s="547"/>
      <c r="B15" s="150" t="s">
        <v>95</v>
      </c>
      <c r="C15" s="155" t="s">
        <v>5</v>
      </c>
      <c r="D15" s="162">
        <v>335390</v>
      </c>
      <c r="E15" s="163">
        <v>328297</v>
      </c>
      <c r="F15" s="163">
        <v>288263</v>
      </c>
      <c r="G15" s="163">
        <v>40034</v>
      </c>
      <c r="H15" s="163">
        <v>7093</v>
      </c>
      <c r="I15" s="162">
        <v>374002</v>
      </c>
      <c r="J15" s="163">
        <v>366263</v>
      </c>
      <c r="K15" s="163">
        <v>7739</v>
      </c>
      <c r="L15" s="162">
        <v>231997</v>
      </c>
      <c r="M15" s="163">
        <v>226635</v>
      </c>
      <c r="N15" s="164">
        <v>5362</v>
      </c>
      <c r="O15" s="150" t="s">
        <v>95</v>
      </c>
    </row>
    <row r="16" spans="1:15" ht="13.5" customHeight="1" x14ac:dyDescent="0.15">
      <c r="A16" s="547"/>
      <c r="B16" s="145" t="s">
        <v>96</v>
      </c>
      <c r="C16" s="146" t="s">
        <v>6</v>
      </c>
      <c r="D16" s="159">
        <v>266301</v>
      </c>
      <c r="E16" s="160">
        <v>255117</v>
      </c>
      <c r="F16" s="160">
        <v>237252</v>
      </c>
      <c r="G16" s="160">
        <v>17865</v>
      </c>
      <c r="H16" s="160">
        <v>11184</v>
      </c>
      <c r="I16" s="159">
        <v>351672</v>
      </c>
      <c r="J16" s="160">
        <v>345536</v>
      </c>
      <c r="K16" s="160">
        <v>6136</v>
      </c>
      <c r="L16" s="159">
        <v>190862</v>
      </c>
      <c r="M16" s="160">
        <v>175216</v>
      </c>
      <c r="N16" s="161">
        <v>15646</v>
      </c>
      <c r="O16" s="145" t="s">
        <v>96</v>
      </c>
    </row>
    <row r="17" spans="1:15" ht="13.5" customHeight="1" x14ac:dyDescent="0.15">
      <c r="A17" s="547"/>
      <c r="B17" s="150" t="s">
        <v>97</v>
      </c>
      <c r="C17" s="155" t="s">
        <v>7</v>
      </c>
      <c r="D17" s="162">
        <v>387528</v>
      </c>
      <c r="E17" s="163">
        <v>378976</v>
      </c>
      <c r="F17" s="163">
        <v>339491</v>
      </c>
      <c r="G17" s="163">
        <v>39485</v>
      </c>
      <c r="H17" s="163">
        <v>8552</v>
      </c>
      <c r="I17" s="162">
        <v>492928</v>
      </c>
      <c r="J17" s="163">
        <v>486525</v>
      </c>
      <c r="K17" s="163">
        <v>6403</v>
      </c>
      <c r="L17" s="162">
        <v>309915</v>
      </c>
      <c r="M17" s="163">
        <v>299782</v>
      </c>
      <c r="N17" s="164">
        <v>10133</v>
      </c>
      <c r="O17" s="150" t="s">
        <v>97</v>
      </c>
    </row>
    <row r="18" spans="1:15" ht="13.5" customHeight="1" x14ac:dyDescent="0.15">
      <c r="A18" s="547"/>
      <c r="B18" s="145" t="s">
        <v>98</v>
      </c>
      <c r="C18" s="146" t="s">
        <v>8</v>
      </c>
      <c r="D18" s="159">
        <v>303344</v>
      </c>
      <c r="E18" s="160">
        <v>281634</v>
      </c>
      <c r="F18" s="160">
        <v>262780</v>
      </c>
      <c r="G18" s="160">
        <v>18854</v>
      </c>
      <c r="H18" s="160">
        <v>21710</v>
      </c>
      <c r="I18" s="159">
        <v>338354</v>
      </c>
      <c r="J18" s="160">
        <v>313113</v>
      </c>
      <c r="K18" s="160">
        <v>25241</v>
      </c>
      <c r="L18" s="159">
        <v>241248</v>
      </c>
      <c r="M18" s="160">
        <v>225801</v>
      </c>
      <c r="N18" s="161">
        <v>15447</v>
      </c>
      <c r="O18" s="145" t="s">
        <v>98</v>
      </c>
    </row>
    <row r="19" spans="1:15" ht="13.5" customHeight="1" x14ac:dyDescent="0.15">
      <c r="A19" s="547"/>
      <c r="B19" s="150" t="s">
        <v>99</v>
      </c>
      <c r="C19" s="155" t="s">
        <v>9</v>
      </c>
      <c r="D19" s="162">
        <v>592213</v>
      </c>
      <c r="E19" s="163">
        <v>513695</v>
      </c>
      <c r="F19" s="163">
        <v>475225</v>
      </c>
      <c r="G19" s="163">
        <v>38470</v>
      </c>
      <c r="H19" s="163">
        <v>78518</v>
      </c>
      <c r="I19" s="162">
        <v>633658</v>
      </c>
      <c r="J19" s="163">
        <v>549611</v>
      </c>
      <c r="K19" s="163">
        <v>84047</v>
      </c>
      <c r="L19" s="162">
        <v>451138</v>
      </c>
      <c r="M19" s="163">
        <v>391438</v>
      </c>
      <c r="N19" s="164">
        <v>59700</v>
      </c>
      <c r="O19" s="150" t="s">
        <v>99</v>
      </c>
    </row>
    <row r="20" spans="1:15" ht="13.5" customHeight="1" x14ac:dyDescent="0.15">
      <c r="A20" s="547"/>
      <c r="B20" s="145" t="s">
        <v>100</v>
      </c>
      <c r="C20" s="146" t="s">
        <v>10</v>
      </c>
      <c r="D20" s="159">
        <v>168435</v>
      </c>
      <c r="E20" s="160">
        <v>167495</v>
      </c>
      <c r="F20" s="160">
        <v>154310</v>
      </c>
      <c r="G20" s="160">
        <v>13185</v>
      </c>
      <c r="H20" s="160">
        <v>940</v>
      </c>
      <c r="I20" s="159">
        <v>203360</v>
      </c>
      <c r="J20" s="160">
        <v>201357</v>
      </c>
      <c r="K20" s="160">
        <v>2003</v>
      </c>
      <c r="L20" s="159">
        <v>145466</v>
      </c>
      <c r="M20" s="160">
        <v>145225</v>
      </c>
      <c r="N20" s="161">
        <v>241</v>
      </c>
      <c r="O20" s="145" t="s">
        <v>100</v>
      </c>
    </row>
    <row r="21" spans="1:15" ht="13.5" customHeight="1" x14ac:dyDescent="0.15">
      <c r="A21" s="547"/>
      <c r="B21" s="150" t="s">
        <v>101</v>
      </c>
      <c r="C21" s="155" t="s">
        <v>11</v>
      </c>
      <c r="D21" s="162">
        <v>226785</v>
      </c>
      <c r="E21" s="163">
        <v>225940</v>
      </c>
      <c r="F21" s="163">
        <v>210653</v>
      </c>
      <c r="G21" s="163">
        <v>15287</v>
      </c>
      <c r="H21" s="163">
        <v>845</v>
      </c>
      <c r="I21" s="162">
        <v>273080</v>
      </c>
      <c r="J21" s="163">
        <v>272217</v>
      </c>
      <c r="K21" s="163">
        <v>863</v>
      </c>
      <c r="L21" s="162">
        <v>189440</v>
      </c>
      <c r="M21" s="163">
        <v>188609</v>
      </c>
      <c r="N21" s="164">
        <v>831</v>
      </c>
      <c r="O21" s="150" t="s">
        <v>101</v>
      </c>
    </row>
    <row r="22" spans="1:15" ht="13.5" customHeight="1" x14ac:dyDescent="0.15">
      <c r="A22" s="547"/>
      <c r="B22" s="145" t="s">
        <v>102</v>
      </c>
      <c r="C22" s="146" t="s">
        <v>12</v>
      </c>
      <c r="D22" s="159">
        <v>357724</v>
      </c>
      <c r="E22" s="160">
        <v>349471</v>
      </c>
      <c r="F22" s="160">
        <v>343771</v>
      </c>
      <c r="G22" s="160">
        <v>5700</v>
      </c>
      <c r="H22" s="160">
        <v>8253</v>
      </c>
      <c r="I22" s="159">
        <v>381379</v>
      </c>
      <c r="J22" s="160">
        <v>371044</v>
      </c>
      <c r="K22" s="160">
        <v>10335</v>
      </c>
      <c r="L22" s="159">
        <v>332725</v>
      </c>
      <c r="M22" s="160">
        <v>326673</v>
      </c>
      <c r="N22" s="161">
        <v>6052</v>
      </c>
      <c r="O22" s="145" t="s">
        <v>102</v>
      </c>
    </row>
    <row r="23" spans="1:15" ht="13.5" customHeight="1" x14ac:dyDescent="0.15">
      <c r="A23" s="547"/>
      <c r="B23" s="150" t="s">
        <v>103</v>
      </c>
      <c r="C23" s="155" t="s">
        <v>13</v>
      </c>
      <c r="D23" s="162">
        <v>373435</v>
      </c>
      <c r="E23" s="163">
        <v>315755</v>
      </c>
      <c r="F23" s="163">
        <v>297050</v>
      </c>
      <c r="G23" s="163">
        <v>18705</v>
      </c>
      <c r="H23" s="163">
        <v>57680</v>
      </c>
      <c r="I23" s="162">
        <v>471766</v>
      </c>
      <c r="J23" s="163">
        <v>394077</v>
      </c>
      <c r="K23" s="163">
        <v>77689</v>
      </c>
      <c r="L23" s="162">
        <v>326802</v>
      </c>
      <c r="M23" s="163">
        <v>278611</v>
      </c>
      <c r="N23" s="164">
        <v>48191</v>
      </c>
      <c r="O23" s="150" t="s">
        <v>103</v>
      </c>
    </row>
    <row r="24" spans="1:15" ht="13.5" customHeight="1" x14ac:dyDescent="0.15">
      <c r="A24" s="547"/>
      <c r="B24" s="145" t="s">
        <v>104</v>
      </c>
      <c r="C24" s="146" t="s">
        <v>14</v>
      </c>
      <c r="D24" s="159">
        <v>320565</v>
      </c>
      <c r="E24" s="160">
        <v>319740</v>
      </c>
      <c r="F24" s="160">
        <v>306447</v>
      </c>
      <c r="G24" s="160">
        <v>13293</v>
      </c>
      <c r="H24" s="160">
        <v>825</v>
      </c>
      <c r="I24" s="159">
        <v>378244</v>
      </c>
      <c r="J24" s="160">
        <v>377448</v>
      </c>
      <c r="K24" s="160">
        <v>796</v>
      </c>
      <c r="L24" s="159">
        <v>197479</v>
      </c>
      <c r="M24" s="160">
        <v>196591</v>
      </c>
      <c r="N24" s="161">
        <v>888</v>
      </c>
      <c r="O24" s="145" t="s">
        <v>104</v>
      </c>
    </row>
    <row r="25" spans="1:15" ht="13.5" customHeight="1" x14ac:dyDescent="0.15">
      <c r="A25" s="547"/>
      <c r="B25" s="150" t="s">
        <v>105</v>
      </c>
      <c r="C25" s="155" t="s">
        <v>15</v>
      </c>
      <c r="D25" s="162">
        <v>289825</v>
      </c>
      <c r="E25" s="163">
        <v>281438</v>
      </c>
      <c r="F25" s="163">
        <v>258345</v>
      </c>
      <c r="G25" s="163">
        <v>23093</v>
      </c>
      <c r="H25" s="163">
        <v>8387</v>
      </c>
      <c r="I25" s="162">
        <v>338045</v>
      </c>
      <c r="J25" s="163">
        <v>328187</v>
      </c>
      <c r="K25" s="163">
        <v>9858</v>
      </c>
      <c r="L25" s="162">
        <v>212280</v>
      </c>
      <c r="M25" s="163">
        <v>206257</v>
      </c>
      <c r="N25" s="164">
        <v>6023</v>
      </c>
      <c r="O25" s="150" t="s">
        <v>105</v>
      </c>
    </row>
    <row r="26" spans="1:15" ht="7.5" customHeight="1" x14ac:dyDescent="0.15">
      <c r="A26" s="547"/>
      <c r="B26" s="150"/>
      <c r="C26" s="155"/>
      <c r="D26" s="162"/>
      <c r="E26" s="163"/>
      <c r="F26" s="163"/>
      <c r="G26" s="163"/>
      <c r="H26" s="163"/>
      <c r="I26" s="162"/>
      <c r="J26" s="163"/>
      <c r="K26" s="163"/>
      <c r="L26" s="162"/>
      <c r="M26" s="163"/>
      <c r="N26" s="164"/>
      <c r="O26" s="150"/>
    </row>
    <row r="27" spans="1:15" ht="13.5" customHeight="1" x14ac:dyDescent="0.15">
      <c r="A27" s="547"/>
      <c r="B27" s="145" t="s">
        <v>106</v>
      </c>
      <c r="C27" s="146" t="s">
        <v>16</v>
      </c>
      <c r="D27" s="159">
        <v>304471</v>
      </c>
      <c r="E27" s="160">
        <v>270311</v>
      </c>
      <c r="F27" s="160">
        <v>238019</v>
      </c>
      <c r="G27" s="160">
        <v>32292</v>
      </c>
      <c r="H27" s="160">
        <v>34160</v>
      </c>
      <c r="I27" s="159">
        <v>396541</v>
      </c>
      <c r="J27" s="160">
        <v>345426</v>
      </c>
      <c r="K27" s="160">
        <v>51115</v>
      </c>
      <c r="L27" s="159">
        <v>228765</v>
      </c>
      <c r="M27" s="160">
        <v>208547</v>
      </c>
      <c r="N27" s="161">
        <v>20218</v>
      </c>
      <c r="O27" s="145" t="s">
        <v>106</v>
      </c>
    </row>
    <row r="28" spans="1:15" ht="13.5" customHeight="1" x14ac:dyDescent="0.15">
      <c r="A28" s="547"/>
      <c r="B28" s="150" t="s">
        <v>107</v>
      </c>
      <c r="C28" s="155" t="s">
        <v>17</v>
      </c>
      <c r="D28" s="162">
        <v>233407</v>
      </c>
      <c r="E28" s="163">
        <v>233407</v>
      </c>
      <c r="F28" s="163">
        <v>228846</v>
      </c>
      <c r="G28" s="163">
        <v>4561</v>
      </c>
      <c r="H28" s="163">
        <v>0</v>
      </c>
      <c r="I28" s="162">
        <v>339297</v>
      </c>
      <c r="J28" s="163">
        <v>339297</v>
      </c>
      <c r="K28" s="163">
        <v>0</v>
      </c>
      <c r="L28" s="162">
        <v>175498</v>
      </c>
      <c r="M28" s="163">
        <v>175498</v>
      </c>
      <c r="N28" s="164">
        <v>0</v>
      </c>
      <c r="O28" s="150" t="s">
        <v>107</v>
      </c>
    </row>
    <row r="29" spans="1:15" ht="13.5" customHeight="1" x14ac:dyDescent="0.15">
      <c r="A29" s="547"/>
      <c r="B29" s="145" t="s">
        <v>108</v>
      </c>
      <c r="C29" s="146" t="s">
        <v>18</v>
      </c>
      <c r="D29" s="159" t="s">
        <v>19</v>
      </c>
      <c r="E29" s="160" t="s">
        <v>19</v>
      </c>
      <c r="F29" s="160" t="s">
        <v>19</v>
      </c>
      <c r="G29" s="160" t="s">
        <v>19</v>
      </c>
      <c r="H29" s="160" t="s">
        <v>19</v>
      </c>
      <c r="I29" s="159" t="s">
        <v>19</v>
      </c>
      <c r="J29" s="160" t="s">
        <v>19</v>
      </c>
      <c r="K29" s="160" t="s">
        <v>19</v>
      </c>
      <c r="L29" s="159" t="s">
        <v>19</v>
      </c>
      <c r="M29" s="160" t="s">
        <v>19</v>
      </c>
      <c r="N29" s="161" t="s">
        <v>19</v>
      </c>
      <c r="O29" s="145" t="s">
        <v>108</v>
      </c>
    </row>
    <row r="30" spans="1:15" ht="13.5" customHeight="1" x14ac:dyDescent="0.15">
      <c r="A30" s="547"/>
      <c r="B30" s="150" t="s">
        <v>109</v>
      </c>
      <c r="C30" s="155" t="s">
        <v>20</v>
      </c>
      <c r="D30" s="162">
        <v>326102</v>
      </c>
      <c r="E30" s="163">
        <v>325661</v>
      </c>
      <c r="F30" s="163">
        <v>274538</v>
      </c>
      <c r="G30" s="163">
        <v>51123</v>
      </c>
      <c r="H30" s="163">
        <v>441</v>
      </c>
      <c r="I30" s="162">
        <v>340277</v>
      </c>
      <c r="J30" s="163">
        <v>340026</v>
      </c>
      <c r="K30" s="163">
        <v>251</v>
      </c>
      <c r="L30" s="162">
        <v>278851</v>
      </c>
      <c r="M30" s="163">
        <v>277774</v>
      </c>
      <c r="N30" s="164">
        <v>1077</v>
      </c>
      <c r="O30" s="150" t="s">
        <v>109</v>
      </c>
    </row>
    <row r="31" spans="1:15" ht="13.5" customHeight="1" x14ac:dyDescent="0.15">
      <c r="A31" s="547"/>
      <c r="B31" s="145" t="s">
        <v>110</v>
      </c>
      <c r="C31" s="146" t="s">
        <v>21</v>
      </c>
      <c r="D31" s="159">
        <v>601970</v>
      </c>
      <c r="E31" s="160">
        <v>325741</v>
      </c>
      <c r="F31" s="160">
        <v>291945</v>
      </c>
      <c r="G31" s="160">
        <v>33796</v>
      </c>
      <c r="H31" s="160">
        <v>276229</v>
      </c>
      <c r="I31" s="159">
        <v>632460</v>
      </c>
      <c r="J31" s="160">
        <v>401402</v>
      </c>
      <c r="K31" s="160">
        <v>231058</v>
      </c>
      <c r="L31" s="159">
        <v>573125</v>
      </c>
      <c r="M31" s="160">
        <v>254162</v>
      </c>
      <c r="N31" s="161">
        <v>318963</v>
      </c>
      <c r="O31" s="145" t="s">
        <v>110</v>
      </c>
    </row>
    <row r="32" spans="1:15" ht="13.5" customHeight="1" x14ac:dyDescent="0.15">
      <c r="A32" s="547"/>
      <c r="B32" s="150" t="s">
        <v>111</v>
      </c>
      <c r="C32" s="155" t="s">
        <v>22</v>
      </c>
      <c r="D32" s="162">
        <v>487636</v>
      </c>
      <c r="E32" s="163">
        <v>407748</v>
      </c>
      <c r="F32" s="163">
        <v>369826</v>
      </c>
      <c r="G32" s="163">
        <v>37922</v>
      </c>
      <c r="H32" s="163">
        <v>79888</v>
      </c>
      <c r="I32" s="162">
        <v>617440</v>
      </c>
      <c r="J32" s="163">
        <v>487131</v>
      </c>
      <c r="K32" s="163">
        <v>130309</v>
      </c>
      <c r="L32" s="162">
        <v>308962</v>
      </c>
      <c r="M32" s="163">
        <v>298478</v>
      </c>
      <c r="N32" s="164">
        <v>10484</v>
      </c>
      <c r="O32" s="150" t="s">
        <v>111</v>
      </c>
    </row>
    <row r="33" spans="1:15" ht="13.5" customHeight="1" x14ac:dyDescent="0.15">
      <c r="A33" s="547"/>
      <c r="B33" s="145" t="s">
        <v>112</v>
      </c>
      <c r="C33" s="146" t="s">
        <v>23</v>
      </c>
      <c r="D33" s="159">
        <v>485619</v>
      </c>
      <c r="E33" s="160">
        <v>365684</v>
      </c>
      <c r="F33" s="160">
        <v>329946</v>
      </c>
      <c r="G33" s="160">
        <v>35738</v>
      </c>
      <c r="H33" s="160">
        <v>119935</v>
      </c>
      <c r="I33" s="159">
        <v>530694</v>
      </c>
      <c r="J33" s="160">
        <v>397244</v>
      </c>
      <c r="K33" s="160">
        <v>133450</v>
      </c>
      <c r="L33" s="159">
        <v>312828</v>
      </c>
      <c r="M33" s="160">
        <v>244701</v>
      </c>
      <c r="N33" s="161">
        <v>68127</v>
      </c>
      <c r="O33" s="145" t="s">
        <v>112</v>
      </c>
    </row>
    <row r="34" spans="1:15" ht="13.5" customHeight="1" x14ac:dyDescent="0.15">
      <c r="A34" s="547"/>
      <c r="B34" s="150" t="s">
        <v>113</v>
      </c>
      <c r="C34" s="155" t="s">
        <v>24</v>
      </c>
      <c r="D34" s="162">
        <v>398688</v>
      </c>
      <c r="E34" s="163">
        <v>397740</v>
      </c>
      <c r="F34" s="163">
        <v>345010</v>
      </c>
      <c r="G34" s="163">
        <v>52730</v>
      </c>
      <c r="H34" s="163">
        <v>948</v>
      </c>
      <c r="I34" s="162">
        <v>417551</v>
      </c>
      <c r="J34" s="163">
        <v>416503</v>
      </c>
      <c r="K34" s="163">
        <v>1048</v>
      </c>
      <c r="L34" s="162">
        <v>320506</v>
      </c>
      <c r="M34" s="163">
        <v>319973</v>
      </c>
      <c r="N34" s="164">
        <v>533</v>
      </c>
      <c r="O34" s="150" t="s">
        <v>113</v>
      </c>
    </row>
    <row r="35" spans="1:15" ht="13.5" customHeight="1" x14ac:dyDescent="0.15">
      <c r="A35" s="547"/>
      <c r="B35" s="145" t="s">
        <v>114</v>
      </c>
      <c r="C35" s="146" t="s">
        <v>25</v>
      </c>
      <c r="D35" s="159">
        <v>488017</v>
      </c>
      <c r="E35" s="160">
        <v>418066</v>
      </c>
      <c r="F35" s="160">
        <v>382942</v>
      </c>
      <c r="G35" s="160">
        <v>35124</v>
      </c>
      <c r="H35" s="160">
        <v>69951</v>
      </c>
      <c r="I35" s="159">
        <v>511754</v>
      </c>
      <c r="J35" s="160">
        <v>445439</v>
      </c>
      <c r="K35" s="160">
        <v>66315</v>
      </c>
      <c r="L35" s="159">
        <v>396792</v>
      </c>
      <c r="M35" s="160">
        <v>312866</v>
      </c>
      <c r="N35" s="161">
        <v>83926</v>
      </c>
      <c r="O35" s="145" t="s">
        <v>114</v>
      </c>
    </row>
    <row r="36" spans="1:15" ht="13.5" customHeight="1" x14ac:dyDescent="0.15">
      <c r="A36" s="547"/>
      <c r="B36" s="150" t="s">
        <v>115</v>
      </c>
      <c r="C36" s="155" t="s">
        <v>26</v>
      </c>
      <c r="D36" s="162">
        <v>467518</v>
      </c>
      <c r="E36" s="163">
        <v>458426</v>
      </c>
      <c r="F36" s="163">
        <v>400282</v>
      </c>
      <c r="G36" s="163">
        <v>58144</v>
      </c>
      <c r="H36" s="163">
        <v>9092</v>
      </c>
      <c r="I36" s="162">
        <v>478134</v>
      </c>
      <c r="J36" s="163">
        <v>468973</v>
      </c>
      <c r="K36" s="163">
        <v>9161</v>
      </c>
      <c r="L36" s="162">
        <v>349092</v>
      </c>
      <c r="M36" s="163">
        <v>340774</v>
      </c>
      <c r="N36" s="164">
        <v>8318</v>
      </c>
      <c r="O36" s="150" t="s">
        <v>115</v>
      </c>
    </row>
    <row r="37" spans="1:15" ht="13.5" customHeight="1" x14ac:dyDescent="0.15">
      <c r="A37" s="547"/>
      <c r="B37" s="145" t="s">
        <v>116</v>
      </c>
      <c r="C37" s="146" t="s">
        <v>27</v>
      </c>
      <c r="D37" s="159">
        <v>426581</v>
      </c>
      <c r="E37" s="160">
        <v>425261</v>
      </c>
      <c r="F37" s="160">
        <v>376852</v>
      </c>
      <c r="G37" s="160">
        <v>48409</v>
      </c>
      <c r="H37" s="160">
        <v>1320</v>
      </c>
      <c r="I37" s="159">
        <v>442292</v>
      </c>
      <c r="J37" s="160">
        <v>440994</v>
      </c>
      <c r="K37" s="160">
        <v>1298</v>
      </c>
      <c r="L37" s="159">
        <v>318666</v>
      </c>
      <c r="M37" s="160">
        <v>317193</v>
      </c>
      <c r="N37" s="161">
        <v>1473</v>
      </c>
      <c r="O37" s="145" t="s">
        <v>116</v>
      </c>
    </row>
    <row r="38" spans="1:15" ht="13.5" customHeight="1" x14ac:dyDescent="0.15">
      <c r="A38" s="547"/>
      <c r="B38" s="150" t="s">
        <v>117</v>
      </c>
      <c r="C38" s="155" t="s">
        <v>28</v>
      </c>
      <c r="D38" s="162">
        <v>370952</v>
      </c>
      <c r="E38" s="163">
        <v>369460</v>
      </c>
      <c r="F38" s="163">
        <v>341145</v>
      </c>
      <c r="G38" s="163">
        <v>28315</v>
      </c>
      <c r="H38" s="163">
        <v>1492</v>
      </c>
      <c r="I38" s="162">
        <v>385291</v>
      </c>
      <c r="J38" s="163">
        <v>384020</v>
      </c>
      <c r="K38" s="163">
        <v>1271</v>
      </c>
      <c r="L38" s="162">
        <v>312244</v>
      </c>
      <c r="M38" s="163">
        <v>309846</v>
      </c>
      <c r="N38" s="164">
        <v>2398</v>
      </c>
      <c r="O38" s="150" t="s">
        <v>117</v>
      </c>
    </row>
    <row r="39" spans="1:15" ht="13.5" customHeight="1" x14ac:dyDescent="0.15">
      <c r="A39" s="547"/>
      <c r="B39" s="145" t="s">
        <v>118</v>
      </c>
      <c r="C39" s="146" t="s">
        <v>29</v>
      </c>
      <c r="D39" s="159">
        <v>508814</v>
      </c>
      <c r="E39" s="160">
        <v>508814</v>
      </c>
      <c r="F39" s="160">
        <v>439416</v>
      </c>
      <c r="G39" s="160">
        <v>69398</v>
      </c>
      <c r="H39" s="160">
        <v>0</v>
      </c>
      <c r="I39" s="159">
        <v>527974</v>
      </c>
      <c r="J39" s="160">
        <v>527974</v>
      </c>
      <c r="K39" s="160">
        <v>0</v>
      </c>
      <c r="L39" s="159">
        <v>408999</v>
      </c>
      <c r="M39" s="160">
        <v>408999</v>
      </c>
      <c r="N39" s="161">
        <v>0</v>
      </c>
      <c r="O39" s="145" t="s">
        <v>118</v>
      </c>
    </row>
    <row r="40" spans="1:15" ht="13.5" customHeight="1" x14ac:dyDescent="0.15">
      <c r="A40" s="547"/>
      <c r="B40" s="150" t="s">
        <v>119</v>
      </c>
      <c r="C40" s="155" t="s">
        <v>30</v>
      </c>
      <c r="D40" s="162">
        <v>437394</v>
      </c>
      <c r="E40" s="163">
        <v>437138</v>
      </c>
      <c r="F40" s="163">
        <v>404517</v>
      </c>
      <c r="G40" s="163">
        <v>32621</v>
      </c>
      <c r="H40" s="163">
        <v>256</v>
      </c>
      <c r="I40" s="162">
        <v>457447</v>
      </c>
      <c r="J40" s="163">
        <v>457163</v>
      </c>
      <c r="K40" s="163">
        <v>284</v>
      </c>
      <c r="L40" s="162">
        <v>331309</v>
      </c>
      <c r="M40" s="163">
        <v>331198</v>
      </c>
      <c r="N40" s="164">
        <v>111</v>
      </c>
      <c r="O40" s="150" t="s">
        <v>119</v>
      </c>
    </row>
    <row r="41" spans="1:15" ht="13.5" customHeight="1" x14ac:dyDescent="0.15">
      <c r="A41" s="547"/>
      <c r="B41" s="145" t="s">
        <v>120</v>
      </c>
      <c r="C41" s="146" t="s">
        <v>31</v>
      </c>
      <c r="D41" s="159">
        <v>486002</v>
      </c>
      <c r="E41" s="160">
        <v>455490</v>
      </c>
      <c r="F41" s="160">
        <v>413816</v>
      </c>
      <c r="G41" s="160">
        <v>41674</v>
      </c>
      <c r="H41" s="160">
        <v>30512</v>
      </c>
      <c r="I41" s="159">
        <v>511491</v>
      </c>
      <c r="J41" s="160">
        <v>478083</v>
      </c>
      <c r="K41" s="160">
        <v>33408</v>
      </c>
      <c r="L41" s="159">
        <v>374841</v>
      </c>
      <c r="M41" s="160">
        <v>356960</v>
      </c>
      <c r="N41" s="161">
        <v>17881</v>
      </c>
      <c r="O41" s="145" t="s">
        <v>120</v>
      </c>
    </row>
    <row r="42" spans="1:15" ht="13.5" customHeight="1" x14ac:dyDescent="0.15">
      <c r="A42" s="547"/>
      <c r="B42" s="150" t="s">
        <v>121</v>
      </c>
      <c r="C42" s="155" t="s">
        <v>32</v>
      </c>
      <c r="D42" s="162">
        <v>742186</v>
      </c>
      <c r="E42" s="163">
        <v>732347</v>
      </c>
      <c r="F42" s="163">
        <v>664834</v>
      </c>
      <c r="G42" s="163">
        <v>67513</v>
      </c>
      <c r="H42" s="163">
        <v>9839</v>
      </c>
      <c r="I42" s="162">
        <v>776579</v>
      </c>
      <c r="J42" s="163">
        <v>765462</v>
      </c>
      <c r="K42" s="163">
        <v>11117</v>
      </c>
      <c r="L42" s="162">
        <v>598582</v>
      </c>
      <c r="M42" s="163">
        <v>594077</v>
      </c>
      <c r="N42" s="164">
        <v>4505</v>
      </c>
      <c r="O42" s="150" t="s">
        <v>121</v>
      </c>
    </row>
    <row r="43" spans="1:15" ht="13.5" customHeight="1" x14ac:dyDescent="0.15">
      <c r="A43" s="547"/>
      <c r="B43" s="145" t="s">
        <v>122</v>
      </c>
      <c r="C43" s="146" t="s">
        <v>33</v>
      </c>
      <c r="D43" s="159">
        <v>482064</v>
      </c>
      <c r="E43" s="160">
        <v>383241</v>
      </c>
      <c r="F43" s="160">
        <v>350228</v>
      </c>
      <c r="G43" s="160">
        <v>33013</v>
      </c>
      <c r="H43" s="160">
        <v>98823</v>
      </c>
      <c r="I43" s="159">
        <v>530212</v>
      </c>
      <c r="J43" s="160">
        <v>418262</v>
      </c>
      <c r="K43" s="160">
        <v>111950</v>
      </c>
      <c r="L43" s="159">
        <v>314743</v>
      </c>
      <c r="M43" s="160">
        <v>261540</v>
      </c>
      <c r="N43" s="161">
        <v>53203</v>
      </c>
      <c r="O43" s="145" t="s">
        <v>122</v>
      </c>
    </row>
    <row r="44" spans="1:15" ht="13.5" customHeight="1" x14ac:dyDescent="0.15">
      <c r="A44" s="547"/>
      <c r="B44" s="150" t="s">
        <v>123</v>
      </c>
      <c r="C44" s="155" t="s">
        <v>34</v>
      </c>
      <c r="D44" s="162">
        <v>530909</v>
      </c>
      <c r="E44" s="163">
        <v>526823</v>
      </c>
      <c r="F44" s="163">
        <v>474544</v>
      </c>
      <c r="G44" s="163">
        <v>52279</v>
      </c>
      <c r="H44" s="163">
        <v>4086</v>
      </c>
      <c r="I44" s="162">
        <v>556180</v>
      </c>
      <c r="J44" s="163">
        <v>551736</v>
      </c>
      <c r="K44" s="163">
        <v>4444</v>
      </c>
      <c r="L44" s="162">
        <v>432598</v>
      </c>
      <c r="M44" s="163">
        <v>429903</v>
      </c>
      <c r="N44" s="164">
        <v>2695</v>
      </c>
      <c r="O44" s="150" t="s">
        <v>123</v>
      </c>
    </row>
    <row r="45" spans="1:15" ht="13.5" customHeight="1" x14ac:dyDescent="0.15">
      <c r="A45" s="547"/>
      <c r="B45" s="145" t="s">
        <v>124</v>
      </c>
      <c r="C45" s="146" t="s">
        <v>35</v>
      </c>
      <c r="D45" s="159">
        <v>446815</v>
      </c>
      <c r="E45" s="160">
        <v>433208</v>
      </c>
      <c r="F45" s="160">
        <v>379719</v>
      </c>
      <c r="G45" s="160">
        <v>53489</v>
      </c>
      <c r="H45" s="160">
        <v>13607</v>
      </c>
      <c r="I45" s="159">
        <v>459596</v>
      </c>
      <c r="J45" s="160">
        <v>445646</v>
      </c>
      <c r="K45" s="160">
        <v>13950</v>
      </c>
      <c r="L45" s="159">
        <v>361268</v>
      </c>
      <c r="M45" s="160">
        <v>349955</v>
      </c>
      <c r="N45" s="161">
        <v>11313</v>
      </c>
      <c r="O45" s="145" t="s">
        <v>124</v>
      </c>
    </row>
    <row r="46" spans="1:15" ht="13.5" customHeight="1" x14ac:dyDescent="0.15">
      <c r="A46" s="547"/>
      <c r="B46" s="150" t="s">
        <v>125</v>
      </c>
      <c r="C46" s="155" t="s">
        <v>36</v>
      </c>
      <c r="D46" s="162">
        <v>348774</v>
      </c>
      <c r="E46" s="163">
        <v>348074</v>
      </c>
      <c r="F46" s="163">
        <v>316732</v>
      </c>
      <c r="G46" s="163">
        <v>31342</v>
      </c>
      <c r="H46" s="163">
        <v>700</v>
      </c>
      <c r="I46" s="162">
        <v>373636</v>
      </c>
      <c r="J46" s="163">
        <v>372865</v>
      </c>
      <c r="K46" s="163">
        <v>771</v>
      </c>
      <c r="L46" s="162">
        <v>271138</v>
      </c>
      <c r="M46" s="163">
        <v>270661</v>
      </c>
      <c r="N46" s="164">
        <v>477</v>
      </c>
      <c r="O46" s="150" t="s">
        <v>125</v>
      </c>
    </row>
    <row r="47" spans="1:15" ht="7.5" customHeight="1" x14ac:dyDescent="0.15">
      <c r="A47" s="547"/>
      <c r="B47" s="150"/>
      <c r="C47" s="155"/>
      <c r="D47" s="162"/>
      <c r="E47" s="163"/>
      <c r="F47" s="163"/>
      <c r="G47" s="163"/>
      <c r="H47" s="163"/>
      <c r="I47" s="162"/>
      <c r="J47" s="163"/>
      <c r="K47" s="163"/>
      <c r="L47" s="162"/>
      <c r="M47" s="163"/>
      <c r="N47" s="164"/>
      <c r="O47" s="150"/>
    </row>
    <row r="48" spans="1:15" ht="13.5" customHeight="1" thickBot="1" x14ac:dyDescent="0.2">
      <c r="A48" s="547"/>
      <c r="B48" s="165" t="s">
        <v>126</v>
      </c>
      <c r="C48" s="166" t="s">
        <v>37</v>
      </c>
      <c r="D48" s="177">
        <v>415383</v>
      </c>
      <c r="E48" s="178">
        <v>372391</v>
      </c>
      <c r="F48" s="178">
        <v>344155</v>
      </c>
      <c r="G48" s="178">
        <v>28236</v>
      </c>
      <c r="H48" s="178">
        <v>42992</v>
      </c>
      <c r="I48" s="177">
        <v>522794</v>
      </c>
      <c r="J48" s="178">
        <v>463498</v>
      </c>
      <c r="K48" s="178">
        <v>59296</v>
      </c>
      <c r="L48" s="177">
        <v>365374</v>
      </c>
      <c r="M48" s="178">
        <v>329973</v>
      </c>
      <c r="N48" s="179">
        <v>35401</v>
      </c>
      <c r="O48" s="165" t="s">
        <v>126</v>
      </c>
    </row>
    <row r="49" ht="14.25" customHeight="1" x14ac:dyDescent="0.15"/>
  </sheetData>
  <mergeCells count="20">
    <mergeCell ref="J3:J4"/>
    <mergeCell ref="M3:M4"/>
    <mergeCell ref="O3:O8"/>
    <mergeCell ref="D5:D8"/>
    <mergeCell ref="E6:E8"/>
    <mergeCell ref="H6:H8"/>
    <mergeCell ref="J6:J8"/>
    <mergeCell ref="K6:K8"/>
    <mergeCell ref="A1:A48"/>
    <mergeCell ref="B1:O1"/>
    <mergeCell ref="B2:G2"/>
    <mergeCell ref="N2:O2"/>
    <mergeCell ref="B3:C8"/>
    <mergeCell ref="E3:G4"/>
    <mergeCell ref="M6:M8"/>
    <mergeCell ref="N6:N8"/>
    <mergeCell ref="F7:F8"/>
    <mergeCell ref="G7:G8"/>
    <mergeCell ref="I5:I8"/>
    <mergeCell ref="L5:L8"/>
  </mergeCells>
  <phoneticPr fontId="3"/>
  <printOptions horizontalCentered="1"/>
  <pageMargins left="0.59055118110236227" right="0.59055118110236227" top="0.39370078740157483" bottom="0.59055118110236227" header="0" footer="0.19685039370078741"/>
  <pageSetup paperSize="9" scale="92" orientation="landscape" errors="blank"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9EA09E-E21F-4778-8B61-3C2976DF3EA8}">
  <sheetPr codeName="Sheet10">
    <tabColor indexed="52"/>
  </sheetPr>
  <dimension ref="A1:Q49"/>
  <sheetViews>
    <sheetView view="pageBreakPreview" zoomScaleNormal="100" zoomScaleSheetLayoutView="100" workbookViewId="0">
      <selection sqref="A1:A48"/>
    </sheetView>
  </sheetViews>
  <sheetFormatPr defaultRowHeight="13.5" x14ac:dyDescent="0.15"/>
  <cols>
    <col min="1" max="1" width="5" customWidth="1"/>
    <col min="2" max="2" width="6.625" style="5" customWidth="1"/>
    <col min="3" max="3" width="22.5" customWidth="1"/>
    <col min="4" max="4" width="8.625" style="210" customWidth="1"/>
    <col min="5" max="15" width="8.625" customWidth="1"/>
    <col min="16" max="16" width="6.625" customWidth="1"/>
  </cols>
  <sheetData>
    <row r="1" spans="1:17" ht="22.5" customHeight="1" x14ac:dyDescent="0.15">
      <c r="A1" s="547" t="s">
        <v>130</v>
      </c>
      <c r="B1" s="490" t="s">
        <v>131</v>
      </c>
      <c r="C1" s="490"/>
      <c r="D1" s="490"/>
      <c r="E1" s="490"/>
      <c r="F1" s="490"/>
      <c r="G1" s="490"/>
      <c r="H1" s="490"/>
      <c r="I1" s="490"/>
      <c r="J1" s="490"/>
      <c r="K1" s="490"/>
      <c r="L1" s="490"/>
      <c r="M1" s="490"/>
      <c r="N1" s="490"/>
      <c r="O1" s="490"/>
      <c r="P1" s="490"/>
      <c r="Q1" s="3"/>
    </row>
    <row r="2" spans="1:17" ht="11.25" customHeight="1" thickBot="1" x14ac:dyDescent="0.2">
      <c r="A2" s="547"/>
      <c r="B2" s="548" t="s">
        <v>78</v>
      </c>
      <c r="C2" s="548"/>
      <c r="D2" s="548"/>
      <c r="E2" s="548"/>
      <c r="F2" s="548"/>
      <c r="G2" s="548"/>
      <c r="N2" s="549" t="s">
        <v>132</v>
      </c>
      <c r="O2" s="549"/>
      <c r="P2" s="549"/>
    </row>
    <row r="3" spans="1:17" ht="8.25" customHeight="1" x14ac:dyDescent="0.15">
      <c r="A3" s="547"/>
      <c r="B3" s="492" t="s">
        <v>80</v>
      </c>
      <c r="C3" s="519"/>
      <c r="D3" s="180"/>
      <c r="E3" s="492" t="s">
        <v>81</v>
      </c>
      <c r="F3" s="561"/>
      <c r="G3" s="181"/>
      <c r="H3" s="182"/>
      <c r="I3" s="557" t="s">
        <v>82</v>
      </c>
      <c r="J3" s="563"/>
      <c r="K3" s="181"/>
      <c r="L3" s="182"/>
      <c r="M3" s="557" t="s">
        <v>83</v>
      </c>
      <c r="N3" s="557"/>
      <c r="O3" s="183"/>
      <c r="P3" s="491" t="s">
        <v>84</v>
      </c>
    </row>
    <row r="4" spans="1:17" ht="8.25" customHeight="1" x14ac:dyDescent="0.15">
      <c r="A4" s="547"/>
      <c r="B4" s="494"/>
      <c r="C4" s="520"/>
      <c r="D4" s="184"/>
      <c r="E4" s="562"/>
      <c r="F4" s="562"/>
      <c r="G4" s="185"/>
      <c r="H4" s="186"/>
      <c r="I4" s="564"/>
      <c r="J4" s="564"/>
      <c r="K4" s="187"/>
      <c r="L4" s="186"/>
      <c r="M4" s="558"/>
      <c r="N4" s="558"/>
      <c r="O4" s="188"/>
      <c r="P4" s="493"/>
    </row>
    <row r="5" spans="1:17" ht="8.25" customHeight="1" x14ac:dyDescent="0.15">
      <c r="A5" s="547"/>
      <c r="B5" s="494"/>
      <c r="C5" s="520"/>
      <c r="D5" s="565" t="s">
        <v>133</v>
      </c>
      <c r="E5" s="568" t="s">
        <v>134</v>
      </c>
      <c r="F5" s="569"/>
      <c r="G5" s="189"/>
      <c r="H5" s="565" t="s">
        <v>133</v>
      </c>
      <c r="I5" s="568" t="s">
        <v>135</v>
      </c>
      <c r="J5" s="569"/>
      <c r="K5" s="189"/>
      <c r="L5" s="565" t="s">
        <v>133</v>
      </c>
      <c r="M5" s="568" t="s">
        <v>135</v>
      </c>
      <c r="N5" s="569"/>
      <c r="O5" s="189"/>
      <c r="P5" s="493"/>
    </row>
    <row r="6" spans="1:17" ht="8.25" customHeight="1" x14ac:dyDescent="0.15">
      <c r="A6" s="547"/>
      <c r="B6" s="494"/>
      <c r="C6" s="520"/>
      <c r="D6" s="566"/>
      <c r="E6" s="570"/>
      <c r="F6" s="571"/>
      <c r="G6" s="185"/>
      <c r="H6" s="566"/>
      <c r="I6" s="570"/>
      <c r="J6" s="571"/>
      <c r="K6" s="185"/>
      <c r="L6" s="566"/>
      <c r="M6" s="570"/>
      <c r="N6" s="571"/>
      <c r="O6" s="190"/>
      <c r="P6" s="493"/>
    </row>
    <row r="7" spans="1:17" ht="10.5" customHeight="1" x14ac:dyDescent="0.15">
      <c r="A7" s="547"/>
      <c r="B7" s="494"/>
      <c r="C7" s="520"/>
      <c r="D7" s="566"/>
      <c r="E7" s="144"/>
      <c r="F7" s="143" t="s">
        <v>136</v>
      </c>
      <c r="G7" s="191" t="s">
        <v>137</v>
      </c>
      <c r="H7" s="566"/>
      <c r="I7" s="144"/>
      <c r="J7" s="143" t="s">
        <v>136</v>
      </c>
      <c r="K7" s="191" t="s">
        <v>137</v>
      </c>
      <c r="L7" s="566"/>
      <c r="M7" s="144"/>
      <c r="N7" s="143" t="s">
        <v>136</v>
      </c>
      <c r="O7" s="191" t="s">
        <v>137</v>
      </c>
      <c r="P7" s="493"/>
    </row>
    <row r="8" spans="1:17" ht="10.5" customHeight="1" x14ac:dyDescent="0.15">
      <c r="A8" s="547"/>
      <c r="B8" s="521"/>
      <c r="C8" s="522"/>
      <c r="D8" s="567"/>
      <c r="E8" s="144"/>
      <c r="F8" s="144" t="s">
        <v>138</v>
      </c>
      <c r="G8" s="191" t="s">
        <v>138</v>
      </c>
      <c r="H8" s="567"/>
      <c r="I8" s="144"/>
      <c r="J8" s="144" t="s">
        <v>138</v>
      </c>
      <c r="K8" s="191" t="s">
        <v>138</v>
      </c>
      <c r="L8" s="567"/>
      <c r="M8" s="144"/>
      <c r="N8" s="144" t="s">
        <v>138</v>
      </c>
      <c r="O8" s="191" t="s">
        <v>138</v>
      </c>
      <c r="P8" s="186"/>
    </row>
    <row r="9" spans="1:17" ht="13.5" customHeight="1" x14ac:dyDescent="0.15">
      <c r="A9" s="547"/>
      <c r="B9" s="145" t="s">
        <v>89</v>
      </c>
      <c r="C9" s="146" t="s">
        <v>90</v>
      </c>
      <c r="D9" s="192">
        <v>16.100000000000001</v>
      </c>
      <c r="E9" s="193">
        <v>126</v>
      </c>
      <c r="F9" s="193">
        <v>115.6</v>
      </c>
      <c r="G9" s="194">
        <v>10.4</v>
      </c>
      <c r="H9" s="192">
        <v>17.2</v>
      </c>
      <c r="I9" s="193">
        <v>142</v>
      </c>
      <c r="J9" s="193">
        <v>127.7</v>
      </c>
      <c r="K9" s="194">
        <v>14.3</v>
      </c>
      <c r="L9" s="192">
        <v>15</v>
      </c>
      <c r="M9" s="193">
        <v>108</v>
      </c>
      <c r="N9" s="193">
        <v>102</v>
      </c>
      <c r="O9" s="194">
        <v>6</v>
      </c>
      <c r="P9" s="145" t="s">
        <v>89</v>
      </c>
    </row>
    <row r="10" spans="1:17" ht="6.75" customHeight="1" x14ac:dyDescent="0.15">
      <c r="A10" s="547"/>
      <c r="B10" s="150"/>
      <c r="C10" s="151"/>
      <c r="D10" s="195"/>
      <c r="E10" s="196"/>
      <c r="F10" s="196"/>
      <c r="G10" s="197"/>
      <c r="H10" s="195"/>
      <c r="I10" s="196"/>
      <c r="J10" s="196"/>
      <c r="K10" s="197"/>
      <c r="L10" s="195"/>
      <c r="M10" s="196"/>
      <c r="N10" s="196"/>
      <c r="O10" s="197"/>
      <c r="P10" s="150"/>
    </row>
    <row r="11" spans="1:17" ht="13.5" customHeight="1" x14ac:dyDescent="0.15">
      <c r="A11" s="547"/>
      <c r="B11" s="150" t="s">
        <v>91</v>
      </c>
      <c r="C11" s="155" t="s">
        <v>1</v>
      </c>
      <c r="D11" s="195">
        <v>19</v>
      </c>
      <c r="E11" s="196">
        <v>163.69999999999999</v>
      </c>
      <c r="F11" s="196">
        <v>146.4</v>
      </c>
      <c r="G11" s="197">
        <v>17.3</v>
      </c>
      <c r="H11" s="195">
        <v>19.3</v>
      </c>
      <c r="I11" s="196">
        <v>168.6</v>
      </c>
      <c r="J11" s="196">
        <v>149.69999999999999</v>
      </c>
      <c r="K11" s="197">
        <v>18.899999999999999</v>
      </c>
      <c r="L11" s="195">
        <v>17.2</v>
      </c>
      <c r="M11" s="196">
        <v>135.1</v>
      </c>
      <c r="N11" s="196">
        <v>127.3</v>
      </c>
      <c r="O11" s="197">
        <v>7.8</v>
      </c>
      <c r="P11" s="150" t="s">
        <v>91</v>
      </c>
    </row>
    <row r="12" spans="1:17" ht="13.5" customHeight="1" x14ac:dyDescent="0.15">
      <c r="A12" s="547"/>
      <c r="B12" s="145" t="s">
        <v>92</v>
      </c>
      <c r="C12" s="146" t="s">
        <v>2</v>
      </c>
      <c r="D12" s="198">
        <v>18.5</v>
      </c>
      <c r="E12" s="199">
        <v>155.4</v>
      </c>
      <c r="F12" s="199">
        <v>140.9</v>
      </c>
      <c r="G12" s="200">
        <v>14.5</v>
      </c>
      <c r="H12" s="198">
        <v>18.899999999999999</v>
      </c>
      <c r="I12" s="199">
        <v>162.30000000000001</v>
      </c>
      <c r="J12" s="199">
        <v>145.69999999999999</v>
      </c>
      <c r="K12" s="200">
        <v>16.600000000000001</v>
      </c>
      <c r="L12" s="198">
        <v>17.5</v>
      </c>
      <c r="M12" s="199">
        <v>136.5</v>
      </c>
      <c r="N12" s="199">
        <v>127.7</v>
      </c>
      <c r="O12" s="200">
        <v>8.8000000000000007</v>
      </c>
      <c r="P12" s="145" t="s">
        <v>92</v>
      </c>
    </row>
    <row r="13" spans="1:17" ht="13.5" customHeight="1" x14ac:dyDescent="0.15">
      <c r="A13" s="547"/>
      <c r="B13" s="150" t="s">
        <v>93</v>
      </c>
      <c r="C13" s="155" t="s">
        <v>3</v>
      </c>
      <c r="D13" s="195">
        <v>17.100000000000001</v>
      </c>
      <c r="E13" s="196">
        <v>140.30000000000001</v>
      </c>
      <c r="F13" s="196">
        <v>130.80000000000001</v>
      </c>
      <c r="G13" s="197">
        <v>9.5</v>
      </c>
      <c r="H13" s="195">
        <v>17.3</v>
      </c>
      <c r="I13" s="196">
        <v>142.4</v>
      </c>
      <c r="J13" s="196">
        <v>132.69999999999999</v>
      </c>
      <c r="K13" s="197">
        <v>9.6999999999999993</v>
      </c>
      <c r="L13" s="195">
        <v>15.7</v>
      </c>
      <c r="M13" s="196">
        <v>122.9</v>
      </c>
      <c r="N13" s="196">
        <v>115.5</v>
      </c>
      <c r="O13" s="197">
        <v>7.4</v>
      </c>
      <c r="P13" s="150" t="s">
        <v>93</v>
      </c>
    </row>
    <row r="14" spans="1:17" ht="13.5" customHeight="1" x14ac:dyDescent="0.15">
      <c r="A14" s="547"/>
      <c r="B14" s="145" t="s">
        <v>94</v>
      </c>
      <c r="C14" s="146" t="s">
        <v>4</v>
      </c>
      <c r="D14" s="198">
        <v>18.399999999999999</v>
      </c>
      <c r="E14" s="199">
        <v>158.19999999999999</v>
      </c>
      <c r="F14" s="199">
        <v>141.1</v>
      </c>
      <c r="G14" s="200">
        <v>17.100000000000001</v>
      </c>
      <c r="H14" s="198">
        <v>18.7</v>
      </c>
      <c r="I14" s="199">
        <v>161.80000000000001</v>
      </c>
      <c r="J14" s="199">
        <v>143.80000000000001</v>
      </c>
      <c r="K14" s="200">
        <v>18</v>
      </c>
      <c r="L14" s="198">
        <v>17.7</v>
      </c>
      <c r="M14" s="199">
        <v>146.80000000000001</v>
      </c>
      <c r="N14" s="199">
        <v>132.4</v>
      </c>
      <c r="O14" s="200">
        <v>14.4</v>
      </c>
      <c r="P14" s="145" t="s">
        <v>94</v>
      </c>
    </row>
    <row r="15" spans="1:17" ht="13.5" customHeight="1" x14ac:dyDescent="0.15">
      <c r="A15" s="547"/>
      <c r="B15" s="150" t="s">
        <v>95</v>
      </c>
      <c r="C15" s="155" t="s">
        <v>5</v>
      </c>
      <c r="D15" s="195">
        <v>18.2</v>
      </c>
      <c r="E15" s="196">
        <v>149.6</v>
      </c>
      <c r="F15" s="196">
        <v>132.69999999999999</v>
      </c>
      <c r="G15" s="197">
        <v>16.899999999999999</v>
      </c>
      <c r="H15" s="195">
        <v>18.8</v>
      </c>
      <c r="I15" s="196">
        <v>158.80000000000001</v>
      </c>
      <c r="J15" s="196">
        <v>139.69999999999999</v>
      </c>
      <c r="K15" s="197">
        <v>19.100000000000001</v>
      </c>
      <c r="L15" s="195">
        <v>16.399999999999999</v>
      </c>
      <c r="M15" s="196">
        <v>124.7</v>
      </c>
      <c r="N15" s="196">
        <v>113.8</v>
      </c>
      <c r="O15" s="197">
        <v>10.9</v>
      </c>
      <c r="P15" s="150" t="s">
        <v>95</v>
      </c>
    </row>
    <row r="16" spans="1:17" ht="13.5" customHeight="1" x14ac:dyDescent="0.15">
      <c r="A16" s="547"/>
      <c r="B16" s="145" t="s">
        <v>96</v>
      </c>
      <c r="C16" s="146" t="s">
        <v>6</v>
      </c>
      <c r="D16" s="198">
        <v>15.4</v>
      </c>
      <c r="E16" s="199">
        <v>110.9</v>
      </c>
      <c r="F16" s="199">
        <v>104.4</v>
      </c>
      <c r="G16" s="200">
        <v>6.5</v>
      </c>
      <c r="H16" s="198">
        <v>16.8</v>
      </c>
      <c r="I16" s="199">
        <v>133.5</v>
      </c>
      <c r="J16" s="199">
        <v>122.3</v>
      </c>
      <c r="K16" s="200">
        <v>11.2</v>
      </c>
      <c r="L16" s="198">
        <v>14.4</v>
      </c>
      <c r="M16" s="199">
        <v>93.5</v>
      </c>
      <c r="N16" s="199">
        <v>90.5</v>
      </c>
      <c r="O16" s="200">
        <v>3</v>
      </c>
      <c r="P16" s="145" t="s">
        <v>96</v>
      </c>
    </row>
    <row r="17" spans="1:16" ht="13.5" customHeight="1" x14ac:dyDescent="0.15">
      <c r="A17" s="547"/>
      <c r="B17" s="150" t="s">
        <v>97</v>
      </c>
      <c r="C17" s="155" t="s">
        <v>7</v>
      </c>
      <c r="D17" s="195">
        <v>16.399999999999999</v>
      </c>
      <c r="E17" s="196">
        <v>127</v>
      </c>
      <c r="F17" s="196">
        <v>114.7</v>
      </c>
      <c r="G17" s="197">
        <v>12.3</v>
      </c>
      <c r="H17" s="195">
        <v>17.2</v>
      </c>
      <c r="I17" s="196">
        <v>141.19999999999999</v>
      </c>
      <c r="J17" s="196">
        <v>124.5</v>
      </c>
      <c r="K17" s="197">
        <v>16.7</v>
      </c>
      <c r="L17" s="195">
        <v>15.8</v>
      </c>
      <c r="M17" s="196">
        <v>116.1</v>
      </c>
      <c r="N17" s="196">
        <v>107.2</v>
      </c>
      <c r="O17" s="197">
        <v>8.9</v>
      </c>
      <c r="P17" s="150" t="s">
        <v>97</v>
      </c>
    </row>
    <row r="18" spans="1:16" ht="13.5" customHeight="1" x14ac:dyDescent="0.15">
      <c r="A18" s="547"/>
      <c r="B18" s="145" t="s">
        <v>98</v>
      </c>
      <c r="C18" s="146" t="s">
        <v>8</v>
      </c>
      <c r="D18" s="198">
        <v>18</v>
      </c>
      <c r="E18" s="199">
        <v>142.5</v>
      </c>
      <c r="F18" s="199">
        <v>131.80000000000001</v>
      </c>
      <c r="G18" s="200">
        <v>10.7</v>
      </c>
      <c r="H18" s="198">
        <v>18.2</v>
      </c>
      <c r="I18" s="199">
        <v>148.80000000000001</v>
      </c>
      <c r="J18" s="199">
        <v>135.6</v>
      </c>
      <c r="K18" s="200">
        <v>13.2</v>
      </c>
      <c r="L18" s="198">
        <v>17.600000000000001</v>
      </c>
      <c r="M18" s="199">
        <v>132.80000000000001</v>
      </c>
      <c r="N18" s="199">
        <v>126</v>
      </c>
      <c r="O18" s="200">
        <v>6.8</v>
      </c>
      <c r="P18" s="145" t="s">
        <v>98</v>
      </c>
    </row>
    <row r="19" spans="1:16" ht="13.5" customHeight="1" x14ac:dyDescent="0.15">
      <c r="A19" s="547"/>
      <c r="B19" s="150" t="s">
        <v>99</v>
      </c>
      <c r="C19" s="155" t="s">
        <v>9</v>
      </c>
      <c r="D19" s="195">
        <v>18</v>
      </c>
      <c r="E19" s="196">
        <v>149.6</v>
      </c>
      <c r="F19" s="196">
        <v>135.9</v>
      </c>
      <c r="G19" s="197">
        <v>13.7</v>
      </c>
      <c r="H19" s="195">
        <v>18.3</v>
      </c>
      <c r="I19" s="196">
        <v>156.30000000000001</v>
      </c>
      <c r="J19" s="196">
        <v>140.19999999999999</v>
      </c>
      <c r="K19" s="197">
        <v>16.100000000000001</v>
      </c>
      <c r="L19" s="195">
        <v>17.2</v>
      </c>
      <c r="M19" s="196">
        <v>134.1</v>
      </c>
      <c r="N19" s="196">
        <v>125.9</v>
      </c>
      <c r="O19" s="197">
        <v>8.1999999999999993</v>
      </c>
      <c r="P19" s="150" t="s">
        <v>99</v>
      </c>
    </row>
    <row r="20" spans="1:16" ht="13.5" customHeight="1" x14ac:dyDescent="0.15">
      <c r="A20" s="547"/>
      <c r="B20" s="145" t="s">
        <v>100</v>
      </c>
      <c r="C20" s="146" t="s">
        <v>10</v>
      </c>
      <c r="D20" s="198">
        <v>11.6</v>
      </c>
      <c r="E20" s="199">
        <v>77.7</v>
      </c>
      <c r="F20" s="199">
        <v>72.3</v>
      </c>
      <c r="G20" s="200">
        <v>5.4</v>
      </c>
      <c r="H20" s="198">
        <v>12.1</v>
      </c>
      <c r="I20" s="199">
        <v>84.5</v>
      </c>
      <c r="J20" s="199">
        <v>77</v>
      </c>
      <c r="K20" s="200">
        <v>7.5</v>
      </c>
      <c r="L20" s="198">
        <v>11.2</v>
      </c>
      <c r="M20" s="199">
        <v>72.7</v>
      </c>
      <c r="N20" s="199">
        <v>68.900000000000006</v>
      </c>
      <c r="O20" s="200">
        <v>3.8</v>
      </c>
      <c r="P20" s="145" t="s">
        <v>100</v>
      </c>
    </row>
    <row r="21" spans="1:16" ht="13.5" customHeight="1" x14ac:dyDescent="0.15">
      <c r="A21" s="547"/>
      <c r="B21" s="150" t="s">
        <v>101</v>
      </c>
      <c r="C21" s="155" t="s">
        <v>11</v>
      </c>
      <c r="D21" s="195">
        <v>15.4</v>
      </c>
      <c r="E21" s="196">
        <v>117.9</v>
      </c>
      <c r="F21" s="196">
        <v>109.7</v>
      </c>
      <c r="G21" s="197">
        <v>8.1999999999999993</v>
      </c>
      <c r="H21" s="195">
        <v>15.4</v>
      </c>
      <c r="I21" s="196">
        <v>118.7</v>
      </c>
      <c r="J21" s="196">
        <v>109.8</v>
      </c>
      <c r="K21" s="197">
        <v>8.9</v>
      </c>
      <c r="L21" s="195">
        <v>15.5</v>
      </c>
      <c r="M21" s="196">
        <v>117.3</v>
      </c>
      <c r="N21" s="196">
        <v>109.6</v>
      </c>
      <c r="O21" s="197">
        <v>7.7</v>
      </c>
      <c r="P21" s="150" t="s">
        <v>101</v>
      </c>
    </row>
    <row r="22" spans="1:16" ht="13.5" customHeight="1" x14ac:dyDescent="0.15">
      <c r="A22" s="547"/>
      <c r="B22" s="145" t="s">
        <v>102</v>
      </c>
      <c r="C22" s="146" t="s">
        <v>12</v>
      </c>
      <c r="D22" s="198">
        <v>14.8</v>
      </c>
      <c r="E22" s="199">
        <v>116.8</v>
      </c>
      <c r="F22" s="199">
        <v>99.9</v>
      </c>
      <c r="G22" s="200">
        <v>16.899999999999999</v>
      </c>
      <c r="H22" s="198">
        <v>15.1</v>
      </c>
      <c r="I22" s="199">
        <v>120.5</v>
      </c>
      <c r="J22" s="199">
        <v>101.8</v>
      </c>
      <c r="K22" s="200">
        <v>18.7</v>
      </c>
      <c r="L22" s="198">
        <v>14.5</v>
      </c>
      <c r="M22" s="199">
        <v>113.3</v>
      </c>
      <c r="N22" s="199">
        <v>98.2</v>
      </c>
      <c r="O22" s="200">
        <v>15.1</v>
      </c>
      <c r="P22" s="145" t="s">
        <v>102</v>
      </c>
    </row>
    <row r="23" spans="1:16" ht="13.5" customHeight="1" x14ac:dyDescent="0.15">
      <c r="A23" s="547"/>
      <c r="B23" s="150" t="s">
        <v>103</v>
      </c>
      <c r="C23" s="155" t="s">
        <v>13</v>
      </c>
      <c r="D23" s="195">
        <v>15.7</v>
      </c>
      <c r="E23" s="196">
        <v>117.2</v>
      </c>
      <c r="F23" s="196">
        <v>111.6</v>
      </c>
      <c r="G23" s="197">
        <v>5.6</v>
      </c>
      <c r="H23" s="195">
        <v>16.399999999999999</v>
      </c>
      <c r="I23" s="196">
        <v>131.5</v>
      </c>
      <c r="J23" s="196">
        <v>123.3</v>
      </c>
      <c r="K23" s="197">
        <v>8.1999999999999993</v>
      </c>
      <c r="L23" s="195">
        <v>15.4</v>
      </c>
      <c r="M23" s="196">
        <v>111.9</v>
      </c>
      <c r="N23" s="196">
        <v>107.3</v>
      </c>
      <c r="O23" s="197">
        <v>4.5999999999999996</v>
      </c>
      <c r="P23" s="150" t="s">
        <v>103</v>
      </c>
    </row>
    <row r="24" spans="1:16" ht="13.5" customHeight="1" x14ac:dyDescent="0.15">
      <c r="A24" s="547"/>
      <c r="B24" s="145" t="s">
        <v>104</v>
      </c>
      <c r="C24" s="146" t="s">
        <v>14</v>
      </c>
      <c r="D24" s="201">
        <v>16.7</v>
      </c>
      <c r="E24" s="202">
        <v>129.80000000000001</v>
      </c>
      <c r="F24" s="202">
        <v>124</v>
      </c>
      <c r="G24" s="203">
        <v>5.8</v>
      </c>
      <c r="H24" s="201">
        <v>17.3</v>
      </c>
      <c r="I24" s="202">
        <v>141.9</v>
      </c>
      <c r="J24" s="202">
        <v>133.4</v>
      </c>
      <c r="K24" s="203">
        <v>8.5</v>
      </c>
      <c r="L24" s="201">
        <v>16.100000000000001</v>
      </c>
      <c r="M24" s="202">
        <v>117.4</v>
      </c>
      <c r="N24" s="202">
        <v>114.4</v>
      </c>
      <c r="O24" s="203">
        <v>3</v>
      </c>
      <c r="P24" s="145" t="s">
        <v>104</v>
      </c>
    </row>
    <row r="25" spans="1:16" ht="13.5" customHeight="1" x14ac:dyDescent="0.15">
      <c r="A25" s="547"/>
      <c r="B25" s="150" t="s">
        <v>105</v>
      </c>
      <c r="C25" s="155" t="s">
        <v>15</v>
      </c>
      <c r="D25" s="195">
        <v>16.399999999999999</v>
      </c>
      <c r="E25" s="196">
        <v>130.80000000000001</v>
      </c>
      <c r="F25" s="196">
        <v>120</v>
      </c>
      <c r="G25" s="197">
        <v>10.8</v>
      </c>
      <c r="H25" s="195">
        <v>16.899999999999999</v>
      </c>
      <c r="I25" s="196">
        <v>141.69999999999999</v>
      </c>
      <c r="J25" s="196">
        <v>127.2</v>
      </c>
      <c r="K25" s="197">
        <v>14.5</v>
      </c>
      <c r="L25" s="195">
        <v>15.5</v>
      </c>
      <c r="M25" s="196">
        <v>112.8</v>
      </c>
      <c r="N25" s="196">
        <v>108.1</v>
      </c>
      <c r="O25" s="197">
        <v>4.7</v>
      </c>
      <c r="P25" s="150" t="s">
        <v>105</v>
      </c>
    </row>
    <row r="26" spans="1:16" ht="6.75" customHeight="1" x14ac:dyDescent="0.15">
      <c r="A26" s="547"/>
      <c r="B26" s="150"/>
      <c r="C26" s="155"/>
      <c r="D26" s="195"/>
      <c r="E26" s="196"/>
      <c r="F26" s="196"/>
      <c r="G26" s="197"/>
      <c r="H26" s="195"/>
      <c r="I26" s="196"/>
      <c r="J26" s="196"/>
      <c r="K26" s="197"/>
      <c r="L26" s="195"/>
      <c r="M26" s="196"/>
      <c r="N26" s="196"/>
      <c r="O26" s="197"/>
      <c r="P26" s="150"/>
    </row>
    <row r="27" spans="1:16" ht="13.5" customHeight="1" x14ac:dyDescent="0.15">
      <c r="A27" s="547"/>
      <c r="B27" s="145" t="s">
        <v>106</v>
      </c>
      <c r="C27" s="146" t="s">
        <v>16</v>
      </c>
      <c r="D27" s="198">
        <v>17.899999999999999</v>
      </c>
      <c r="E27" s="199">
        <v>145.1</v>
      </c>
      <c r="F27" s="199">
        <v>131.4</v>
      </c>
      <c r="G27" s="200">
        <v>13.7</v>
      </c>
      <c r="H27" s="198">
        <v>19.2</v>
      </c>
      <c r="I27" s="199">
        <v>164.5</v>
      </c>
      <c r="J27" s="199">
        <v>146.6</v>
      </c>
      <c r="K27" s="200">
        <v>17.899999999999999</v>
      </c>
      <c r="L27" s="198">
        <v>16.7</v>
      </c>
      <c r="M27" s="199">
        <v>128.5</v>
      </c>
      <c r="N27" s="199">
        <v>118.3</v>
      </c>
      <c r="O27" s="200">
        <v>10.199999999999999</v>
      </c>
      <c r="P27" s="145" t="s">
        <v>106</v>
      </c>
    </row>
    <row r="28" spans="1:16" ht="13.5" customHeight="1" x14ac:dyDescent="0.15">
      <c r="A28" s="547"/>
      <c r="B28" s="150" t="s">
        <v>107</v>
      </c>
      <c r="C28" s="155" t="s">
        <v>17</v>
      </c>
      <c r="D28" s="204">
        <v>18.399999999999999</v>
      </c>
      <c r="E28" s="205">
        <v>130</v>
      </c>
      <c r="F28" s="205">
        <v>127.4</v>
      </c>
      <c r="G28" s="206">
        <v>2.6</v>
      </c>
      <c r="H28" s="204">
        <v>19.7</v>
      </c>
      <c r="I28" s="205">
        <v>147.69999999999999</v>
      </c>
      <c r="J28" s="205">
        <v>144.1</v>
      </c>
      <c r="K28" s="206">
        <v>3.6</v>
      </c>
      <c r="L28" s="204">
        <v>17.600000000000001</v>
      </c>
      <c r="M28" s="205">
        <v>120.2</v>
      </c>
      <c r="N28" s="205">
        <v>118.2</v>
      </c>
      <c r="O28" s="206">
        <v>2</v>
      </c>
      <c r="P28" s="150" t="s">
        <v>107</v>
      </c>
    </row>
    <row r="29" spans="1:16" ht="13.5" customHeight="1" x14ac:dyDescent="0.15">
      <c r="A29" s="547"/>
      <c r="B29" s="145" t="s">
        <v>108</v>
      </c>
      <c r="C29" s="146" t="s">
        <v>18</v>
      </c>
      <c r="D29" s="201" t="s">
        <v>19</v>
      </c>
      <c r="E29" s="202" t="s">
        <v>19</v>
      </c>
      <c r="F29" s="202" t="s">
        <v>19</v>
      </c>
      <c r="G29" s="203" t="s">
        <v>19</v>
      </c>
      <c r="H29" s="201" t="s">
        <v>19</v>
      </c>
      <c r="I29" s="202" t="s">
        <v>19</v>
      </c>
      <c r="J29" s="202" t="s">
        <v>19</v>
      </c>
      <c r="K29" s="203" t="s">
        <v>19</v>
      </c>
      <c r="L29" s="201" t="s">
        <v>19</v>
      </c>
      <c r="M29" s="202" t="s">
        <v>19</v>
      </c>
      <c r="N29" s="202" t="s">
        <v>19</v>
      </c>
      <c r="O29" s="203" t="s">
        <v>19</v>
      </c>
      <c r="P29" s="145" t="s">
        <v>108</v>
      </c>
    </row>
    <row r="30" spans="1:16" ht="13.5" customHeight="1" x14ac:dyDescent="0.15">
      <c r="A30" s="547"/>
      <c r="B30" s="150" t="s">
        <v>109</v>
      </c>
      <c r="C30" s="155" t="s">
        <v>20</v>
      </c>
      <c r="D30" s="195">
        <v>19.899999999999999</v>
      </c>
      <c r="E30" s="196">
        <v>164.2</v>
      </c>
      <c r="F30" s="196">
        <v>145.4</v>
      </c>
      <c r="G30" s="197">
        <v>18.8</v>
      </c>
      <c r="H30" s="195">
        <v>20</v>
      </c>
      <c r="I30" s="196">
        <v>163.4</v>
      </c>
      <c r="J30" s="196">
        <v>145.19999999999999</v>
      </c>
      <c r="K30" s="197">
        <v>18.2</v>
      </c>
      <c r="L30" s="195">
        <v>19.399999999999999</v>
      </c>
      <c r="M30" s="196">
        <v>166.6</v>
      </c>
      <c r="N30" s="196">
        <v>145.80000000000001</v>
      </c>
      <c r="O30" s="197">
        <v>20.8</v>
      </c>
      <c r="P30" s="150" t="s">
        <v>109</v>
      </c>
    </row>
    <row r="31" spans="1:16" ht="13.5" customHeight="1" x14ac:dyDescent="0.15">
      <c r="A31" s="547"/>
      <c r="B31" s="145" t="s">
        <v>110</v>
      </c>
      <c r="C31" s="146" t="s">
        <v>21</v>
      </c>
      <c r="D31" s="198">
        <v>17.7</v>
      </c>
      <c r="E31" s="199">
        <v>137</v>
      </c>
      <c r="F31" s="199">
        <v>128.4</v>
      </c>
      <c r="G31" s="200">
        <v>8.6</v>
      </c>
      <c r="H31" s="198">
        <v>18.5</v>
      </c>
      <c r="I31" s="199">
        <v>158</v>
      </c>
      <c r="J31" s="199">
        <v>143.4</v>
      </c>
      <c r="K31" s="200">
        <v>14.6</v>
      </c>
      <c r="L31" s="198">
        <v>17</v>
      </c>
      <c r="M31" s="199">
        <v>117</v>
      </c>
      <c r="N31" s="199">
        <v>114.1</v>
      </c>
      <c r="O31" s="200">
        <v>2.9</v>
      </c>
      <c r="P31" s="145" t="s">
        <v>110</v>
      </c>
    </row>
    <row r="32" spans="1:16" ht="13.5" customHeight="1" x14ac:dyDescent="0.15">
      <c r="A32" s="547"/>
      <c r="B32" s="150" t="s">
        <v>111</v>
      </c>
      <c r="C32" s="155" t="s">
        <v>22</v>
      </c>
      <c r="D32" s="195">
        <v>17.8</v>
      </c>
      <c r="E32" s="196">
        <v>146.19999999999999</v>
      </c>
      <c r="F32" s="196">
        <v>134.1</v>
      </c>
      <c r="G32" s="197">
        <v>12.1</v>
      </c>
      <c r="H32" s="195">
        <v>18.399999999999999</v>
      </c>
      <c r="I32" s="196">
        <v>154</v>
      </c>
      <c r="J32" s="196">
        <v>139.9</v>
      </c>
      <c r="K32" s="197">
        <v>14.1</v>
      </c>
      <c r="L32" s="195">
        <v>16.899999999999999</v>
      </c>
      <c r="M32" s="196">
        <v>134.80000000000001</v>
      </c>
      <c r="N32" s="196">
        <v>125.8</v>
      </c>
      <c r="O32" s="197">
        <v>9</v>
      </c>
      <c r="P32" s="150" t="s">
        <v>111</v>
      </c>
    </row>
    <row r="33" spans="1:16" ht="13.5" customHeight="1" x14ac:dyDescent="0.15">
      <c r="A33" s="547"/>
      <c r="B33" s="145" t="s">
        <v>112</v>
      </c>
      <c r="C33" s="146" t="s">
        <v>23</v>
      </c>
      <c r="D33" s="198">
        <v>19</v>
      </c>
      <c r="E33" s="199">
        <v>161.4</v>
      </c>
      <c r="F33" s="199">
        <v>148.30000000000001</v>
      </c>
      <c r="G33" s="200">
        <v>13.1</v>
      </c>
      <c r="H33" s="198">
        <v>19.3</v>
      </c>
      <c r="I33" s="199">
        <v>166.5</v>
      </c>
      <c r="J33" s="199">
        <v>151.4</v>
      </c>
      <c r="K33" s="200">
        <v>15.1</v>
      </c>
      <c r="L33" s="198">
        <v>18</v>
      </c>
      <c r="M33" s="199">
        <v>142.30000000000001</v>
      </c>
      <c r="N33" s="199">
        <v>136.6</v>
      </c>
      <c r="O33" s="200">
        <v>5.7</v>
      </c>
      <c r="P33" s="145" t="s">
        <v>112</v>
      </c>
    </row>
    <row r="34" spans="1:16" ht="13.5" customHeight="1" x14ac:dyDescent="0.15">
      <c r="A34" s="547"/>
      <c r="B34" s="150" t="s">
        <v>113</v>
      </c>
      <c r="C34" s="155" t="s">
        <v>24</v>
      </c>
      <c r="D34" s="195">
        <v>19.8</v>
      </c>
      <c r="E34" s="196">
        <v>176.3</v>
      </c>
      <c r="F34" s="196">
        <v>155.6</v>
      </c>
      <c r="G34" s="197">
        <v>20.7</v>
      </c>
      <c r="H34" s="195">
        <v>19.8</v>
      </c>
      <c r="I34" s="196">
        <v>177.6</v>
      </c>
      <c r="J34" s="196">
        <v>155.80000000000001</v>
      </c>
      <c r="K34" s="197">
        <v>21.8</v>
      </c>
      <c r="L34" s="195">
        <v>19.8</v>
      </c>
      <c r="M34" s="196">
        <v>171.2</v>
      </c>
      <c r="N34" s="196">
        <v>155.1</v>
      </c>
      <c r="O34" s="197">
        <v>16.100000000000001</v>
      </c>
      <c r="P34" s="150" t="s">
        <v>113</v>
      </c>
    </row>
    <row r="35" spans="1:16" ht="13.5" customHeight="1" x14ac:dyDescent="0.15">
      <c r="A35" s="547"/>
      <c r="B35" s="145" t="s">
        <v>114</v>
      </c>
      <c r="C35" s="146" t="s">
        <v>25</v>
      </c>
      <c r="D35" s="198">
        <v>19.399999999999999</v>
      </c>
      <c r="E35" s="199">
        <v>165.4</v>
      </c>
      <c r="F35" s="199">
        <v>148.4</v>
      </c>
      <c r="G35" s="200">
        <v>17</v>
      </c>
      <c r="H35" s="198">
        <v>19.600000000000001</v>
      </c>
      <c r="I35" s="199">
        <v>169.4</v>
      </c>
      <c r="J35" s="199">
        <v>150.30000000000001</v>
      </c>
      <c r="K35" s="200">
        <v>19.100000000000001</v>
      </c>
      <c r="L35" s="198">
        <v>18.7</v>
      </c>
      <c r="M35" s="199">
        <v>150.4</v>
      </c>
      <c r="N35" s="199">
        <v>141.1</v>
      </c>
      <c r="O35" s="200">
        <v>9.3000000000000007</v>
      </c>
      <c r="P35" s="145" t="s">
        <v>114</v>
      </c>
    </row>
    <row r="36" spans="1:16" ht="13.5" customHeight="1" x14ac:dyDescent="0.15">
      <c r="A36" s="547"/>
      <c r="B36" s="150" t="s">
        <v>115</v>
      </c>
      <c r="C36" s="155" t="s">
        <v>26</v>
      </c>
      <c r="D36" s="195">
        <v>19.2</v>
      </c>
      <c r="E36" s="196">
        <v>162.80000000000001</v>
      </c>
      <c r="F36" s="196">
        <v>148.19999999999999</v>
      </c>
      <c r="G36" s="197">
        <v>14.6</v>
      </c>
      <c r="H36" s="195">
        <v>19.5</v>
      </c>
      <c r="I36" s="196">
        <v>166.8</v>
      </c>
      <c r="J36" s="196">
        <v>150.4</v>
      </c>
      <c r="K36" s="197">
        <v>16.399999999999999</v>
      </c>
      <c r="L36" s="195">
        <v>17.8</v>
      </c>
      <c r="M36" s="196">
        <v>139.1</v>
      </c>
      <c r="N36" s="196">
        <v>135.1</v>
      </c>
      <c r="O36" s="197">
        <v>4</v>
      </c>
      <c r="P36" s="150" t="s">
        <v>115</v>
      </c>
    </row>
    <row r="37" spans="1:16" ht="13.5" customHeight="1" x14ac:dyDescent="0.15">
      <c r="A37" s="547"/>
      <c r="B37" s="145" t="s">
        <v>116</v>
      </c>
      <c r="C37" s="146" t="s">
        <v>27</v>
      </c>
      <c r="D37" s="198">
        <v>20.5</v>
      </c>
      <c r="E37" s="199">
        <v>173</v>
      </c>
      <c r="F37" s="199">
        <v>159</v>
      </c>
      <c r="G37" s="200">
        <v>14</v>
      </c>
      <c r="H37" s="198">
        <v>20.5</v>
      </c>
      <c r="I37" s="199">
        <v>175.2</v>
      </c>
      <c r="J37" s="199">
        <v>160.6</v>
      </c>
      <c r="K37" s="200">
        <v>14.6</v>
      </c>
      <c r="L37" s="198">
        <v>20.100000000000001</v>
      </c>
      <c r="M37" s="199">
        <v>160.19999999999999</v>
      </c>
      <c r="N37" s="199">
        <v>149.80000000000001</v>
      </c>
      <c r="O37" s="200">
        <v>10.4</v>
      </c>
      <c r="P37" s="145" t="s">
        <v>116</v>
      </c>
    </row>
    <row r="38" spans="1:16" ht="13.5" customHeight="1" x14ac:dyDescent="0.15">
      <c r="A38" s="547"/>
      <c r="B38" s="150" t="s">
        <v>117</v>
      </c>
      <c r="C38" s="155" t="s">
        <v>28</v>
      </c>
      <c r="D38" s="195">
        <v>18.8</v>
      </c>
      <c r="E38" s="196">
        <v>156</v>
      </c>
      <c r="F38" s="196">
        <v>144.69999999999999</v>
      </c>
      <c r="G38" s="197">
        <v>11.3</v>
      </c>
      <c r="H38" s="195">
        <v>18.7</v>
      </c>
      <c r="I38" s="196">
        <v>158.30000000000001</v>
      </c>
      <c r="J38" s="196">
        <v>144.9</v>
      </c>
      <c r="K38" s="197">
        <v>13.4</v>
      </c>
      <c r="L38" s="195">
        <v>19.3</v>
      </c>
      <c r="M38" s="196">
        <v>150.69999999999999</v>
      </c>
      <c r="N38" s="196">
        <v>144.1</v>
      </c>
      <c r="O38" s="197">
        <v>6.6</v>
      </c>
      <c r="P38" s="150" t="s">
        <v>117</v>
      </c>
    </row>
    <row r="39" spans="1:16" ht="13.5" customHeight="1" x14ac:dyDescent="0.15">
      <c r="A39" s="547"/>
      <c r="B39" s="145" t="s">
        <v>118</v>
      </c>
      <c r="C39" s="146" t="s">
        <v>29</v>
      </c>
      <c r="D39" s="198">
        <v>17.600000000000001</v>
      </c>
      <c r="E39" s="199">
        <v>152.69999999999999</v>
      </c>
      <c r="F39" s="199">
        <v>137.9</v>
      </c>
      <c r="G39" s="200">
        <v>14.8</v>
      </c>
      <c r="H39" s="198">
        <v>17.7</v>
      </c>
      <c r="I39" s="199">
        <v>155.1</v>
      </c>
      <c r="J39" s="199">
        <v>139.5</v>
      </c>
      <c r="K39" s="200">
        <v>15.6</v>
      </c>
      <c r="L39" s="198">
        <v>17.100000000000001</v>
      </c>
      <c r="M39" s="199">
        <v>141.30000000000001</v>
      </c>
      <c r="N39" s="199">
        <v>130.30000000000001</v>
      </c>
      <c r="O39" s="200">
        <v>11</v>
      </c>
      <c r="P39" s="145" t="s">
        <v>118</v>
      </c>
    </row>
    <row r="40" spans="1:16" ht="13.5" customHeight="1" x14ac:dyDescent="0.15">
      <c r="A40" s="547"/>
      <c r="B40" s="150" t="s">
        <v>119</v>
      </c>
      <c r="C40" s="155" t="s">
        <v>30</v>
      </c>
      <c r="D40" s="195">
        <v>18.2</v>
      </c>
      <c r="E40" s="196">
        <v>152.4</v>
      </c>
      <c r="F40" s="196">
        <v>140.9</v>
      </c>
      <c r="G40" s="197">
        <v>11.5</v>
      </c>
      <c r="H40" s="195">
        <v>18.399999999999999</v>
      </c>
      <c r="I40" s="196">
        <v>155.6</v>
      </c>
      <c r="J40" s="196">
        <v>143</v>
      </c>
      <c r="K40" s="197">
        <v>12.6</v>
      </c>
      <c r="L40" s="195">
        <v>17.3</v>
      </c>
      <c r="M40" s="196">
        <v>135.30000000000001</v>
      </c>
      <c r="N40" s="196">
        <v>129.6</v>
      </c>
      <c r="O40" s="197">
        <v>5.7</v>
      </c>
      <c r="P40" s="150" t="s">
        <v>119</v>
      </c>
    </row>
    <row r="41" spans="1:16" ht="13.5" customHeight="1" x14ac:dyDescent="0.15">
      <c r="A41" s="547"/>
      <c r="B41" s="145" t="s">
        <v>120</v>
      </c>
      <c r="C41" s="146" t="s">
        <v>31</v>
      </c>
      <c r="D41" s="198">
        <v>18.5</v>
      </c>
      <c r="E41" s="199">
        <v>159.30000000000001</v>
      </c>
      <c r="F41" s="199">
        <v>141.9</v>
      </c>
      <c r="G41" s="200">
        <v>17.399999999999999</v>
      </c>
      <c r="H41" s="198">
        <v>18.8</v>
      </c>
      <c r="I41" s="199">
        <v>164.9</v>
      </c>
      <c r="J41" s="199">
        <v>145.4</v>
      </c>
      <c r="K41" s="200">
        <v>19.5</v>
      </c>
      <c r="L41" s="198">
        <v>17.3</v>
      </c>
      <c r="M41" s="199">
        <v>137</v>
      </c>
      <c r="N41" s="199">
        <v>128</v>
      </c>
      <c r="O41" s="200">
        <v>9</v>
      </c>
      <c r="P41" s="145" t="s">
        <v>120</v>
      </c>
    </row>
    <row r="42" spans="1:16" ht="13.5" customHeight="1" x14ac:dyDescent="0.15">
      <c r="A42" s="547"/>
      <c r="B42" s="150" t="s">
        <v>121</v>
      </c>
      <c r="C42" s="155" t="s">
        <v>32</v>
      </c>
      <c r="D42" s="195">
        <v>17.899999999999999</v>
      </c>
      <c r="E42" s="196">
        <v>148.30000000000001</v>
      </c>
      <c r="F42" s="196">
        <v>135</v>
      </c>
      <c r="G42" s="197">
        <v>13.3</v>
      </c>
      <c r="H42" s="195">
        <v>18.2</v>
      </c>
      <c r="I42" s="196">
        <v>154.9</v>
      </c>
      <c r="J42" s="196">
        <v>140.30000000000001</v>
      </c>
      <c r="K42" s="197">
        <v>14.6</v>
      </c>
      <c r="L42" s="195">
        <v>16.8</v>
      </c>
      <c r="M42" s="196">
        <v>127.9</v>
      </c>
      <c r="N42" s="196">
        <v>118.8</v>
      </c>
      <c r="O42" s="197">
        <v>9.1</v>
      </c>
      <c r="P42" s="150" t="s">
        <v>121</v>
      </c>
    </row>
    <row r="43" spans="1:16" ht="13.5" customHeight="1" x14ac:dyDescent="0.15">
      <c r="A43" s="547"/>
      <c r="B43" s="145" t="s">
        <v>122</v>
      </c>
      <c r="C43" s="146" t="s">
        <v>33</v>
      </c>
      <c r="D43" s="198">
        <v>19.8</v>
      </c>
      <c r="E43" s="199">
        <v>163.6</v>
      </c>
      <c r="F43" s="199">
        <v>151.80000000000001</v>
      </c>
      <c r="G43" s="200">
        <v>11.8</v>
      </c>
      <c r="H43" s="198">
        <v>20.3</v>
      </c>
      <c r="I43" s="199">
        <v>171</v>
      </c>
      <c r="J43" s="199">
        <v>157.5</v>
      </c>
      <c r="K43" s="200">
        <v>13.5</v>
      </c>
      <c r="L43" s="198">
        <v>18.600000000000001</v>
      </c>
      <c r="M43" s="199">
        <v>143</v>
      </c>
      <c r="N43" s="199">
        <v>135.9</v>
      </c>
      <c r="O43" s="200">
        <v>7.1</v>
      </c>
      <c r="P43" s="145" t="s">
        <v>122</v>
      </c>
    </row>
    <row r="44" spans="1:16" ht="13.5" customHeight="1" x14ac:dyDescent="0.15">
      <c r="A44" s="547"/>
      <c r="B44" s="150" t="s">
        <v>123</v>
      </c>
      <c r="C44" s="155" t="s">
        <v>34</v>
      </c>
      <c r="D44" s="195">
        <v>19.2</v>
      </c>
      <c r="E44" s="196">
        <v>160</v>
      </c>
      <c r="F44" s="196">
        <v>142.80000000000001</v>
      </c>
      <c r="G44" s="197">
        <v>17.2</v>
      </c>
      <c r="H44" s="195">
        <v>19.399999999999999</v>
      </c>
      <c r="I44" s="196">
        <v>163.19999999999999</v>
      </c>
      <c r="J44" s="196">
        <v>144.80000000000001</v>
      </c>
      <c r="K44" s="197">
        <v>18.399999999999999</v>
      </c>
      <c r="L44" s="195">
        <v>18.3</v>
      </c>
      <c r="M44" s="196">
        <v>147.5</v>
      </c>
      <c r="N44" s="196">
        <v>135</v>
      </c>
      <c r="O44" s="197">
        <v>12.5</v>
      </c>
      <c r="P44" s="150" t="s">
        <v>123</v>
      </c>
    </row>
    <row r="45" spans="1:16" ht="13.5" customHeight="1" x14ac:dyDescent="0.15">
      <c r="A45" s="547"/>
      <c r="B45" s="145" t="s">
        <v>124</v>
      </c>
      <c r="C45" s="146" t="s">
        <v>35</v>
      </c>
      <c r="D45" s="198">
        <v>18.2</v>
      </c>
      <c r="E45" s="199">
        <v>160.30000000000001</v>
      </c>
      <c r="F45" s="199">
        <v>141.9</v>
      </c>
      <c r="G45" s="200">
        <v>18.399999999999999</v>
      </c>
      <c r="H45" s="198">
        <v>18.399999999999999</v>
      </c>
      <c r="I45" s="199">
        <v>164</v>
      </c>
      <c r="J45" s="199">
        <v>144.1</v>
      </c>
      <c r="K45" s="200">
        <v>19.899999999999999</v>
      </c>
      <c r="L45" s="198">
        <v>16.899999999999999</v>
      </c>
      <c r="M45" s="199">
        <v>135.1</v>
      </c>
      <c r="N45" s="199">
        <v>127</v>
      </c>
      <c r="O45" s="200">
        <v>8.1</v>
      </c>
      <c r="P45" s="145" t="s">
        <v>124</v>
      </c>
    </row>
    <row r="46" spans="1:16" ht="6.75" customHeight="1" x14ac:dyDescent="0.15">
      <c r="A46" s="547"/>
      <c r="B46" s="2"/>
      <c r="C46" s="155"/>
      <c r="D46"/>
      <c r="E46" s="196"/>
      <c r="F46" s="196"/>
      <c r="G46" s="197"/>
      <c r="I46" s="196"/>
      <c r="J46" s="196"/>
      <c r="K46" s="197"/>
      <c r="M46" s="196"/>
      <c r="N46" s="196"/>
      <c r="O46" s="197"/>
      <c r="P46" s="2"/>
    </row>
    <row r="47" spans="1:16" ht="13.5" customHeight="1" x14ac:dyDescent="0.15">
      <c r="A47" s="547"/>
      <c r="B47" s="150" t="s">
        <v>125</v>
      </c>
      <c r="C47" s="155" t="s">
        <v>36</v>
      </c>
      <c r="D47" s="195">
        <v>19.5</v>
      </c>
      <c r="E47" s="196">
        <v>153.19999999999999</v>
      </c>
      <c r="F47" s="196">
        <v>144.30000000000001</v>
      </c>
      <c r="G47" s="197">
        <v>8.9</v>
      </c>
      <c r="H47" s="195">
        <v>19.899999999999999</v>
      </c>
      <c r="I47" s="196">
        <v>158.9</v>
      </c>
      <c r="J47" s="196">
        <v>148.5</v>
      </c>
      <c r="K47" s="197">
        <v>10.4</v>
      </c>
      <c r="L47" s="195">
        <v>18.7</v>
      </c>
      <c r="M47" s="196">
        <v>140.4</v>
      </c>
      <c r="N47" s="196">
        <v>134.80000000000001</v>
      </c>
      <c r="O47" s="197">
        <v>5.6</v>
      </c>
      <c r="P47" s="150" t="s">
        <v>125</v>
      </c>
    </row>
    <row r="48" spans="1:16" ht="13.5" customHeight="1" thickBot="1" x14ac:dyDescent="0.2">
      <c r="A48" s="547"/>
      <c r="B48" s="165" t="s">
        <v>126</v>
      </c>
      <c r="C48" s="166" t="s">
        <v>37</v>
      </c>
      <c r="D48" s="207">
        <v>16.399999999999999</v>
      </c>
      <c r="E48" s="208">
        <v>129.80000000000001</v>
      </c>
      <c r="F48" s="208">
        <v>121.9</v>
      </c>
      <c r="G48" s="209">
        <v>7.9</v>
      </c>
      <c r="H48" s="207">
        <v>16.7</v>
      </c>
      <c r="I48" s="208">
        <v>140.80000000000001</v>
      </c>
      <c r="J48" s="208">
        <v>129.80000000000001</v>
      </c>
      <c r="K48" s="209">
        <v>11</v>
      </c>
      <c r="L48" s="207">
        <v>16.3</v>
      </c>
      <c r="M48" s="208">
        <v>125.5</v>
      </c>
      <c r="N48" s="208">
        <v>118.8</v>
      </c>
      <c r="O48" s="209">
        <v>6.7</v>
      </c>
      <c r="P48" s="165" t="s">
        <v>126</v>
      </c>
    </row>
    <row r="49" ht="14.25" customHeight="1" x14ac:dyDescent="0.15"/>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D75484-CE76-41B4-8950-2E547326F977}">
  <sheetPr codeName="Sheet11">
    <tabColor indexed="52"/>
  </sheetPr>
  <dimension ref="A1:P49"/>
  <sheetViews>
    <sheetView view="pageBreakPreview" zoomScaleNormal="80" zoomScaleSheetLayoutView="100" workbookViewId="0">
      <selection sqref="A1:A48"/>
    </sheetView>
  </sheetViews>
  <sheetFormatPr defaultColWidth="9" defaultRowHeight="13.5" x14ac:dyDescent="0.15"/>
  <cols>
    <col min="1" max="1" width="5" customWidth="1"/>
    <col min="2" max="2" width="6.625" style="5" customWidth="1"/>
    <col min="3" max="3" width="22.5" customWidth="1"/>
    <col min="4" max="4" width="8.625" style="210" customWidth="1"/>
    <col min="5" max="15" width="8.625" customWidth="1"/>
    <col min="16" max="16" width="6.625" customWidth="1"/>
  </cols>
  <sheetData>
    <row r="1" spans="1:16" ht="22.5" customHeight="1" x14ac:dyDescent="0.15">
      <c r="A1" s="547" t="s">
        <v>139</v>
      </c>
      <c r="B1" s="490" t="s">
        <v>140</v>
      </c>
      <c r="C1" s="559"/>
      <c r="D1" s="559"/>
      <c r="E1" s="559"/>
      <c r="F1" s="559"/>
      <c r="G1" s="559"/>
      <c r="H1" s="559"/>
      <c r="I1" s="559"/>
      <c r="J1" s="559"/>
      <c r="K1" s="559"/>
      <c r="L1" s="559"/>
      <c r="M1" s="559"/>
      <c r="N1" s="559"/>
      <c r="O1" s="559"/>
      <c r="P1" s="559"/>
    </row>
    <row r="2" spans="1:16" ht="11.25" customHeight="1" thickBot="1" x14ac:dyDescent="0.2">
      <c r="A2" s="547"/>
      <c r="B2" s="548" t="s">
        <v>129</v>
      </c>
      <c r="C2" s="548"/>
      <c r="D2" s="548"/>
      <c r="E2" s="548"/>
      <c r="F2" s="548"/>
      <c r="G2" s="548"/>
      <c r="N2" s="549" t="s">
        <v>132</v>
      </c>
      <c r="O2" s="549"/>
      <c r="P2" s="549"/>
    </row>
    <row r="3" spans="1:16" ht="8.25" customHeight="1" x14ac:dyDescent="0.15">
      <c r="A3" s="547"/>
      <c r="B3" s="492" t="s">
        <v>80</v>
      </c>
      <c r="C3" s="519"/>
      <c r="D3" s="180"/>
      <c r="E3" s="492" t="s">
        <v>81</v>
      </c>
      <c r="F3" s="561"/>
      <c r="G3" s="181"/>
      <c r="H3" s="182"/>
      <c r="I3" s="557" t="s">
        <v>82</v>
      </c>
      <c r="J3" s="563"/>
      <c r="K3" s="181"/>
      <c r="L3" s="182"/>
      <c r="M3" s="557" t="s">
        <v>83</v>
      </c>
      <c r="N3" s="557"/>
      <c r="O3" s="183"/>
      <c r="P3" s="491" t="s">
        <v>84</v>
      </c>
    </row>
    <row r="4" spans="1:16" ht="8.25" customHeight="1" x14ac:dyDescent="0.15">
      <c r="A4" s="547"/>
      <c r="B4" s="494"/>
      <c r="C4" s="520"/>
      <c r="D4" s="184"/>
      <c r="E4" s="562"/>
      <c r="F4" s="562"/>
      <c r="G4" s="185"/>
      <c r="H4" s="186"/>
      <c r="I4" s="564"/>
      <c r="J4" s="564"/>
      <c r="K4" s="187"/>
      <c r="L4" s="186"/>
      <c r="M4" s="558"/>
      <c r="N4" s="558"/>
      <c r="O4" s="188"/>
      <c r="P4" s="493"/>
    </row>
    <row r="5" spans="1:16" ht="8.25" customHeight="1" x14ac:dyDescent="0.15">
      <c r="A5" s="547"/>
      <c r="B5" s="494"/>
      <c r="C5" s="520"/>
      <c r="D5" s="565" t="s">
        <v>133</v>
      </c>
      <c r="E5" s="568" t="s">
        <v>134</v>
      </c>
      <c r="F5" s="569"/>
      <c r="G5" s="189"/>
      <c r="H5" s="565" t="s">
        <v>133</v>
      </c>
      <c r="I5" s="568" t="s">
        <v>135</v>
      </c>
      <c r="J5" s="569"/>
      <c r="K5" s="189"/>
      <c r="L5" s="565" t="s">
        <v>133</v>
      </c>
      <c r="M5" s="568" t="s">
        <v>135</v>
      </c>
      <c r="N5" s="569"/>
      <c r="O5" s="189"/>
      <c r="P5" s="493"/>
    </row>
    <row r="6" spans="1:16" ht="8.25" customHeight="1" x14ac:dyDescent="0.15">
      <c r="A6" s="547"/>
      <c r="B6" s="494"/>
      <c r="C6" s="520"/>
      <c r="D6" s="566"/>
      <c r="E6" s="570"/>
      <c r="F6" s="571"/>
      <c r="G6" s="185"/>
      <c r="H6" s="566"/>
      <c r="I6" s="570"/>
      <c r="J6" s="571"/>
      <c r="K6" s="185"/>
      <c r="L6" s="566"/>
      <c r="M6" s="570"/>
      <c r="N6" s="571"/>
      <c r="O6" s="190"/>
      <c r="P6" s="493"/>
    </row>
    <row r="7" spans="1:16" ht="10.5" customHeight="1" x14ac:dyDescent="0.15">
      <c r="A7" s="547"/>
      <c r="B7" s="494"/>
      <c r="C7" s="520"/>
      <c r="D7" s="566"/>
      <c r="E7" s="144"/>
      <c r="F7" s="143" t="s">
        <v>136</v>
      </c>
      <c r="G7" s="191" t="s">
        <v>137</v>
      </c>
      <c r="H7" s="566"/>
      <c r="I7" s="144"/>
      <c r="J7" s="143" t="s">
        <v>136</v>
      </c>
      <c r="K7" s="191" t="s">
        <v>137</v>
      </c>
      <c r="L7" s="566"/>
      <c r="M7" s="144"/>
      <c r="N7" s="143" t="s">
        <v>136</v>
      </c>
      <c r="O7" s="191" t="s">
        <v>137</v>
      </c>
      <c r="P7" s="493"/>
    </row>
    <row r="8" spans="1:16" ht="10.5" customHeight="1" x14ac:dyDescent="0.15">
      <c r="A8" s="547"/>
      <c r="B8" s="521"/>
      <c r="C8" s="522"/>
      <c r="D8" s="567"/>
      <c r="E8" s="144"/>
      <c r="F8" s="144" t="s">
        <v>138</v>
      </c>
      <c r="G8" s="191" t="s">
        <v>138</v>
      </c>
      <c r="H8" s="567"/>
      <c r="I8" s="144"/>
      <c r="J8" s="144" t="s">
        <v>138</v>
      </c>
      <c r="K8" s="191" t="s">
        <v>138</v>
      </c>
      <c r="L8" s="567"/>
      <c r="M8" s="144"/>
      <c r="N8" s="144" t="s">
        <v>138</v>
      </c>
      <c r="O8" s="191" t="s">
        <v>138</v>
      </c>
      <c r="P8" s="186"/>
    </row>
    <row r="9" spans="1:16" ht="13.5" customHeight="1" x14ac:dyDescent="0.15">
      <c r="A9" s="547"/>
      <c r="B9" s="145" t="s">
        <v>89</v>
      </c>
      <c r="C9" s="146" t="s">
        <v>90</v>
      </c>
      <c r="D9" s="211">
        <v>16.899999999999999</v>
      </c>
      <c r="E9" s="212">
        <v>135.6</v>
      </c>
      <c r="F9" s="212">
        <v>122.9</v>
      </c>
      <c r="G9" s="213">
        <v>12.7</v>
      </c>
      <c r="H9" s="211">
        <v>17.7</v>
      </c>
      <c r="I9" s="212">
        <v>148.69999999999999</v>
      </c>
      <c r="J9" s="212">
        <v>132.6</v>
      </c>
      <c r="K9" s="213">
        <v>16.100000000000001</v>
      </c>
      <c r="L9" s="211">
        <v>15.8</v>
      </c>
      <c r="M9" s="212">
        <v>117.8</v>
      </c>
      <c r="N9" s="212">
        <v>109.8</v>
      </c>
      <c r="O9" s="213">
        <v>8</v>
      </c>
      <c r="P9" s="145" t="s">
        <v>89</v>
      </c>
    </row>
    <row r="10" spans="1:16" ht="6.75" customHeight="1" x14ac:dyDescent="0.15">
      <c r="A10" s="547"/>
      <c r="B10" s="150"/>
      <c r="C10" s="151"/>
      <c r="D10" s="204"/>
      <c r="E10" s="205"/>
      <c r="F10" s="205"/>
      <c r="G10" s="206"/>
      <c r="H10" s="204"/>
      <c r="I10" s="205"/>
      <c r="J10" s="205"/>
      <c r="K10" s="206"/>
      <c r="L10" s="204"/>
      <c r="M10" s="205"/>
      <c r="N10" s="205"/>
      <c r="O10" s="206"/>
      <c r="P10" s="150"/>
    </row>
    <row r="11" spans="1:16" ht="13.5" customHeight="1" x14ac:dyDescent="0.15">
      <c r="A11" s="547"/>
      <c r="B11" s="150" t="s">
        <v>91</v>
      </c>
      <c r="C11" s="155" t="s">
        <v>1</v>
      </c>
      <c r="D11" s="204">
        <v>19.399999999999999</v>
      </c>
      <c r="E11" s="205">
        <v>172.9</v>
      </c>
      <c r="F11" s="205">
        <v>151.30000000000001</v>
      </c>
      <c r="G11" s="206">
        <v>21.6</v>
      </c>
      <c r="H11" s="204">
        <v>19.600000000000001</v>
      </c>
      <c r="I11" s="205">
        <v>176.3</v>
      </c>
      <c r="J11" s="205">
        <v>153.1</v>
      </c>
      <c r="K11" s="206">
        <v>23.2</v>
      </c>
      <c r="L11" s="204">
        <v>18.100000000000001</v>
      </c>
      <c r="M11" s="205">
        <v>150.30000000000001</v>
      </c>
      <c r="N11" s="205">
        <v>139.30000000000001</v>
      </c>
      <c r="O11" s="206">
        <v>11</v>
      </c>
      <c r="P11" s="150" t="s">
        <v>91</v>
      </c>
    </row>
    <row r="12" spans="1:16" ht="13.5" customHeight="1" x14ac:dyDescent="0.15">
      <c r="A12" s="547"/>
      <c r="B12" s="145" t="s">
        <v>92</v>
      </c>
      <c r="C12" s="146" t="s">
        <v>2</v>
      </c>
      <c r="D12" s="201">
        <v>18.399999999999999</v>
      </c>
      <c r="E12" s="202">
        <v>156.1</v>
      </c>
      <c r="F12" s="202">
        <v>140.6</v>
      </c>
      <c r="G12" s="203">
        <v>15.5</v>
      </c>
      <c r="H12" s="201">
        <v>18.7</v>
      </c>
      <c r="I12" s="202">
        <v>162.30000000000001</v>
      </c>
      <c r="J12" s="202">
        <v>144.9</v>
      </c>
      <c r="K12" s="203">
        <v>17.399999999999999</v>
      </c>
      <c r="L12" s="201">
        <v>17.399999999999999</v>
      </c>
      <c r="M12" s="202">
        <v>138.4</v>
      </c>
      <c r="N12" s="202">
        <v>128.19999999999999</v>
      </c>
      <c r="O12" s="203">
        <v>10.199999999999999</v>
      </c>
      <c r="P12" s="145" t="s">
        <v>92</v>
      </c>
    </row>
    <row r="13" spans="1:16" ht="13.5" customHeight="1" x14ac:dyDescent="0.15">
      <c r="A13" s="547"/>
      <c r="B13" s="150" t="s">
        <v>93</v>
      </c>
      <c r="C13" s="155" t="s">
        <v>3</v>
      </c>
      <c r="D13" s="204">
        <v>17.100000000000001</v>
      </c>
      <c r="E13" s="205">
        <v>140.30000000000001</v>
      </c>
      <c r="F13" s="205">
        <v>130.80000000000001</v>
      </c>
      <c r="G13" s="206">
        <v>9.5</v>
      </c>
      <c r="H13" s="204">
        <v>17.3</v>
      </c>
      <c r="I13" s="205">
        <v>142.4</v>
      </c>
      <c r="J13" s="205">
        <v>132.69999999999999</v>
      </c>
      <c r="K13" s="206">
        <v>9.6999999999999993</v>
      </c>
      <c r="L13" s="204">
        <v>15.7</v>
      </c>
      <c r="M13" s="205">
        <v>122.9</v>
      </c>
      <c r="N13" s="205">
        <v>115.5</v>
      </c>
      <c r="O13" s="206">
        <v>7.4</v>
      </c>
      <c r="P13" s="150" t="s">
        <v>93</v>
      </c>
    </row>
    <row r="14" spans="1:16" ht="13.5" customHeight="1" x14ac:dyDescent="0.15">
      <c r="A14" s="547"/>
      <c r="B14" s="145" t="s">
        <v>94</v>
      </c>
      <c r="C14" s="146" t="s">
        <v>4</v>
      </c>
      <c r="D14" s="201">
        <v>18.5</v>
      </c>
      <c r="E14" s="202">
        <v>159.30000000000001</v>
      </c>
      <c r="F14" s="202">
        <v>141.19999999999999</v>
      </c>
      <c r="G14" s="203">
        <v>18.100000000000001</v>
      </c>
      <c r="H14" s="201">
        <v>18.600000000000001</v>
      </c>
      <c r="I14" s="202">
        <v>162.6</v>
      </c>
      <c r="J14" s="202">
        <v>143.6</v>
      </c>
      <c r="K14" s="203">
        <v>19</v>
      </c>
      <c r="L14" s="201">
        <v>17.899999999999999</v>
      </c>
      <c r="M14" s="202">
        <v>148.30000000000001</v>
      </c>
      <c r="N14" s="202">
        <v>133.1</v>
      </c>
      <c r="O14" s="203">
        <v>15.2</v>
      </c>
      <c r="P14" s="145" t="s">
        <v>94</v>
      </c>
    </row>
    <row r="15" spans="1:16" ht="13.5" customHeight="1" x14ac:dyDescent="0.15">
      <c r="A15" s="547"/>
      <c r="B15" s="150" t="s">
        <v>95</v>
      </c>
      <c r="C15" s="155" t="s">
        <v>5</v>
      </c>
      <c r="D15" s="204">
        <v>18.2</v>
      </c>
      <c r="E15" s="205">
        <v>149.5</v>
      </c>
      <c r="F15" s="205">
        <v>133.80000000000001</v>
      </c>
      <c r="G15" s="206">
        <v>15.7</v>
      </c>
      <c r="H15" s="204">
        <v>18.8</v>
      </c>
      <c r="I15" s="205">
        <v>156.6</v>
      </c>
      <c r="J15" s="205">
        <v>139.4</v>
      </c>
      <c r="K15" s="206">
        <v>17.2</v>
      </c>
      <c r="L15" s="204">
        <v>16.600000000000001</v>
      </c>
      <c r="M15" s="205">
        <v>130.6</v>
      </c>
      <c r="N15" s="205">
        <v>118.8</v>
      </c>
      <c r="O15" s="206">
        <v>11.8</v>
      </c>
      <c r="P15" s="150" t="s">
        <v>95</v>
      </c>
    </row>
    <row r="16" spans="1:16" ht="13.5" customHeight="1" x14ac:dyDescent="0.15">
      <c r="A16" s="547"/>
      <c r="B16" s="145" t="s">
        <v>96</v>
      </c>
      <c r="C16" s="146" t="s">
        <v>6</v>
      </c>
      <c r="D16" s="201">
        <v>16.399999999999999</v>
      </c>
      <c r="E16" s="202">
        <v>119.8</v>
      </c>
      <c r="F16" s="202">
        <v>111.1</v>
      </c>
      <c r="G16" s="203">
        <v>8.6999999999999993</v>
      </c>
      <c r="H16" s="201">
        <v>17.5</v>
      </c>
      <c r="I16" s="202">
        <v>143.5</v>
      </c>
      <c r="J16" s="202">
        <v>128.9</v>
      </c>
      <c r="K16" s="203">
        <v>14.6</v>
      </c>
      <c r="L16" s="201">
        <v>15.5</v>
      </c>
      <c r="M16" s="202">
        <v>98.9</v>
      </c>
      <c r="N16" s="202">
        <v>95.4</v>
      </c>
      <c r="O16" s="203">
        <v>3.5</v>
      </c>
      <c r="P16" s="145" t="s">
        <v>96</v>
      </c>
    </row>
    <row r="17" spans="1:16" ht="13.5" customHeight="1" x14ac:dyDescent="0.15">
      <c r="A17" s="547"/>
      <c r="B17" s="150" t="s">
        <v>97</v>
      </c>
      <c r="C17" s="155" t="s">
        <v>7</v>
      </c>
      <c r="D17" s="204">
        <v>15.7</v>
      </c>
      <c r="E17" s="205">
        <v>122.5</v>
      </c>
      <c r="F17" s="205">
        <v>108.4</v>
      </c>
      <c r="G17" s="206">
        <v>14.1</v>
      </c>
      <c r="H17" s="204">
        <v>16.600000000000001</v>
      </c>
      <c r="I17" s="205">
        <v>136.9</v>
      </c>
      <c r="J17" s="205">
        <v>117.9</v>
      </c>
      <c r="K17" s="206">
        <v>19</v>
      </c>
      <c r="L17" s="204">
        <v>15</v>
      </c>
      <c r="M17" s="205">
        <v>111.9</v>
      </c>
      <c r="N17" s="205">
        <v>101.4</v>
      </c>
      <c r="O17" s="206">
        <v>10.5</v>
      </c>
      <c r="P17" s="150" t="s">
        <v>97</v>
      </c>
    </row>
    <row r="18" spans="1:16" ht="13.5" customHeight="1" x14ac:dyDescent="0.15">
      <c r="A18" s="547"/>
      <c r="B18" s="145" t="s">
        <v>98</v>
      </c>
      <c r="C18" s="146" t="s">
        <v>8</v>
      </c>
      <c r="D18" s="201">
        <v>16.8</v>
      </c>
      <c r="E18" s="202">
        <v>129</v>
      </c>
      <c r="F18" s="202">
        <v>119.4</v>
      </c>
      <c r="G18" s="203">
        <v>9.6</v>
      </c>
      <c r="H18" s="201">
        <v>16.8</v>
      </c>
      <c r="I18" s="202">
        <v>133.30000000000001</v>
      </c>
      <c r="J18" s="202">
        <v>122.4</v>
      </c>
      <c r="K18" s="203">
        <v>10.9</v>
      </c>
      <c r="L18" s="201">
        <v>16.8</v>
      </c>
      <c r="M18" s="202">
        <v>121.6</v>
      </c>
      <c r="N18" s="202">
        <v>114.1</v>
      </c>
      <c r="O18" s="203">
        <v>7.5</v>
      </c>
      <c r="P18" s="145" t="s">
        <v>98</v>
      </c>
    </row>
    <row r="19" spans="1:16" ht="13.5" customHeight="1" x14ac:dyDescent="0.15">
      <c r="A19" s="547"/>
      <c r="B19" s="150" t="s">
        <v>99</v>
      </c>
      <c r="C19" s="155" t="s">
        <v>9</v>
      </c>
      <c r="D19" s="204">
        <v>18.100000000000001</v>
      </c>
      <c r="E19" s="205">
        <v>153.4</v>
      </c>
      <c r="F19" s="205">
        <v>137.9</v>
      </c>
      <c r="G19" s="206">
        <v>15.5</v>
      </c>
      <c r="H19" s="204">
        <v>18.2</v>
      </c>
      <c r="I19" s="205">
        <v>157</v>
      </c>
      <c r="J19" s="205">
        <v>139.9</v>
      </c>
      <c r="K19" s="206">
        <v>17.100000000000001</v>
      </c>
      <c r="L19" s="204">
        <v>17.5</v>
      </c>
      <c r="M19" s="205">
        <v>141.30000000000001</v>
      </c>
      <c r="N19" s="205">
        <v>131</v>
      </c>
      <c r="O19" s="206">
        <v>10.3</v>
      </c>
      <c r="P19" s="150" t="s">
        <v>99</v>
      </c>
    </row>
    <row r="20" spans="1:16" ht="13.5" customHeight="1" x14ac:dyDescent="0.15">
      <c r="A20" s="547"/>
      <c r="B20" s="145" t="s">
        <v>100</v>
      </c>
      <c r="C20" s="146" t="s">
        <v>10</v>
      </c>
      <c r="D20" s="201">
        <v>13.8</v>
      </c>
      <c r="E20" s="202">
        <v>95.7</v>
      </c>
      <c r="F20" s="202">
        <v>88.3</v>
      </c>
      <c r="G20" s="203">
        <v>7.4</v>
      </c>
      <c r="H20" s="201">
        <v>14.1</v>
      </c>
      <c r="I20" s="202">
        <v>105.8</v>
      </c>
      <c r="J20" s="202">
        <v>96.3</v>
      </c>
      <c r="K20" s="203">
        <v>9.5</v>
      </c>
      <c r="L20" s="201">
        <v>13.6</v>
      </c>
      <c r="M20" s="202">
        <v>89.1</v>
      </c>
      <c r="N20" s="202">
        <v>83</v>
      </c>
      <c r="O20" s="203">
        <v>6.1</v>
      </c>
      <c r="P20" s="145" t="s">
        <v>100</v>
      </c>
    </row>
    <row r="21" spans="1:16" ht="13.5" customHeight="1" x14ac:dyDescent="0.15">
      <c r="A21" s="547"/>
      <c r="B21" s="150" t="s">
        <v>101</v>
      </c>
      <c r="C21" s="155" t="s">
        <v>11</v>
      </c>
      <c r="D21" s="204">
        <v>15.2</v>
      </c>
      <c r="E21" s="205">
        <v>116.6</v>
      </c>
      <c r="F21" s="205">
        <v>108.4</v>
      </c>
      <c r="G21" s="206">
        <v>8.1999999999999993</v>
      </c>
      <c r="H21" s="204">
        <v>15.7</v>
      </c>
      <c r="I21" s="205">
        <v>125.8</v>
      </c>
      <c r="J21" s="205">
        <v>116.5</v>
      </c>
      <c r="K21" s="206">
        <v>9.3000000000000007</v>
      </c>
      <c r="L21" s="204">
        <v>14.8</v>
      </c>
      <c r="M21" s="205">
        <v>109.2</v>
      </c>
      <c r="N21" s="205">
        <v>101.9</v>
      </c>
      <c r="O21" s="206">
        <v>7.3</v>
      </c>
      <c r="P21" s="150" t="s">
        <v>101</v>
      </c>
    </row>
    <row r="22" spans="1:16" ht="13.5" customHeight="1" x14ac:dyDescent="0.15">
      <c r="A22" s="547"/>
      <c r="B22" s="145" t="s">
        <v>102</v>
      </c>
      <c r="C22" s="146" t="s">
        <v>12</v>
      </c>
      <c r="D22" s="201">
        <v>15</v>
      </c>
      <c r="E22" s="202">
        <v>125.5</v>
      </c>
      <c r="F22" s="202">
        <v>103.1</v>
      </c>
      <c r="G22" s="203">
        <v>22.4</v>
      </c>
      <c r="H22" s="201">
        <v>15.3</v>
      </c>
      <c r="I22" s="202">
        <v>127.7</v>
      </c>
      <c r="J22" s="202">
        <v>103.9</v>
      </c>
      <c r="K22" s="203">
        <v>23.8</v>
      </c>
      <c r="L22" s="201">
        <v>14.7</v>
      </c>
      <c r="M22" s="202">
        <v>123.4</v>
      </c>
      <c r="N22" s="202">
        <v>102.4</v>
      </c>
      <c r="O22" s="203">
        <v>21</v>
      </c>
      <c r="P22" s="145" t="s">
        <v>102</v>
      </c>
    </row>
    <row r="23" spans="1:16" ht="13.5" customHeight="1" x14ac:dyDescent="0.15">
      <c r="A23" s="547"/>
      <c r="B23" s="150" t="s">
        <v>103</v>
      </c>
      <c r="C23" s="155" t="s">
        <v>13</v>
      </c>
      <c r="D23" s="204">
        <v>16.3</v>
      </c>
      <c r="E23" s="205">
        <v>126.4</v>
      </c>
      <c r="F23" s="205">
        <v>119.7</v>
      </c>
      <c r="G23" s="206">
        <v>6.7</v>
      </c>
      <c r="H23" s="204">
        <v>16.8</v>
      </c>
      <c r="I23" s="205">
        <v>135</v>
      </c>
      <c r="J23" s="205">
        <v>125.8</v>
      </c>
      <c r="K23" s="206">
        <v>9.1999999999999993</v>
      </c>
      <c r="L23" s="204">
        <v>16.100000000000001</v>
      </c>
      <c r="M23" s="205">
        <v>122.4</v>
      </c>
      <c r="N23" s="205">
        <v>116.8</v>
      </c>
      <c r="O23" s="206">
        <v>5.6</v>
      </c>
      <c r="P23" s="150" t="s">
        <v>103</v>
      </c>
    </row>
    <row r="24" spans="1:16" ht="13.5" customHeight="1" x14ac:dyDescent="0.15">
      <c r="A24" s="547"/>
      <c r="B24" s="145" t="s">
        <v>104</v>
      </c>
      <c r="C24" s="146" t="s">
        <v>14</v>
      </c>
      <c r="D24" s="201">
        <v>17</v>
      </c>
      <c r="E24" s="202">
        <v>126.7</v>
      </c>
      <c r="F24" s="202">
        <v>120</v>
      </c>
      <c r="G24" s="203">
        <v>6.7</v>
      </c>
      <c r="H24" s="201">
        <v>17.5</v>
      </c>
      <c r="I24" s="202">
        <v>140</v>
      </c>
      <c r="J24" s="202">
        <v>131.80000000000001</v>
      </c>
      <c r="K24" s="203">
        <v>8.1999999999999993</v>
      </c>
      <c r="L24" s="201">
        <v>16.100000000000001</v>
      </c>
      <c r="M24" s="202">
        <v>98.2</v>
      </c>
      <c r="N24" s="202">
        <v>94.8</v>
      </c>
      <c r="O24" s="203">
        <v>3.4</v>
      </c>
      <c r="P24" s="145" t="s">
        <v>104</v>
      </c>
    </row>
    <row r="25" spans="1:16" ht="13.5" customHeight="1" x14ac:dyDescent="0.15">
      <c r="A25" s="547"/>
      <c r="B25" s="150" t="s">
        <v>105</v>
      </c>
      <c r="C25" s="155" t="s">
        <v>15</v>
      </c>
      <c r="D25" s="204">
        <v>16.5</v>
      </c>
      <c r="E25" s="205">
        <v>133</v>
      </c>
      <c r="F25" s="205">
        <v>121.8</v>
      </c>
      <c r="G25" s="206">
        <v>11.2</v>
      </c>
      <c r="H25" s="204">
        <v>17.2</v>
      </c>
      <c r="I25" s="205">
        <v>145</v>
      </c>
      <c r="J25" s="205">
        <v>130.1</v>
      </c>
      <c r="K25" s="206">
        <v>14.9</v>
      </c>
      <c r="L25" s="204">
        <v>15.5</v>
      </c>
      <c r="M25" s="205">
        <v>113.9</v>
      </c>
      <c r="N25" s="205">
        <v>108.5</v>
      </c>
      <c r="O25" s="206">
        <v>5.4</v>
      </c>
      <c r="P25" s="150" t="s">
        <v>105</v>
      </c>
    </row>
    <row r="26" spans="1:16" ht="6.75" customHeight="1" x14ac:dyDescent="0.15">
      <c r="A26" s="547"/>
      <c r="B26" s="150"/>
      <c r="C26" s="155"/>
      <c r="D26" s="204"/>
      <c r="E26" s="205"/>
      <c r="F26" s="205"/>
      <c r="G26" s="206"/>
      <c r="H26" s="204"/>
      <c r="I26" s="205"/>
      <c r="J26" s="205"/>
      <c r="K26" s="206"/>
      <c r="L26" s="204"/>
      <c r="M26" s="205"/>
      <c r="N26" s="205"/>
      <c r="O26" s="206"/>
      <c r="P26" s="150"/>
    </row>
    <row r="27" spans="1:16" ht="13.5" customHeight="1" x14ac:dyDescent="0.15">
      <c r="A27" s="547"/>
      <c r="B27" s="145" t="s">
        <v>106</v>
      </c>
      <c r="C27" s="146" t="s">
        <v>16</v>
      </c>
      <c r="D27" s="201">
        <v>17.899999999999999</v>
      </c>
      <c r="E27" s="202">
        <v>147.80000000000001</v>
      </c>
      <c r="F27" s="202">
        <v>133.30000000000001</v>
      </c>
      <c r="G27" s="203">
        <v>14.5</v>
      </c>
      <c r="H27" s="201">
        <v>19.100000000000001</v>
      </c>
      <c r="I27" s="202">
        <v>166.5</v>
      </c>
      <c r="J27" s="202">
        <v>147.80000000000001</v>
      </c>
      <c r="K27" s="203">
        <v>18.7</v>
      </c>
      <c r="L27" s="201">
        <v>16.899999999999999</v>
      </c>
      <c r="M27" s="202">
        <v>132.4</v>
      </c>
      <c r="N27" s="202">
        <v>121.4</v>
      </c>
      <c r="O27" s="203">
        <v>11</v>
      </c>
      <c r="P27" s="145" t="s">
        <v>106</v>
      </c>
    </row>
    <row r="28" spans="1:16" ht="13.5" customHeight="1" x14ac:dyDescent="0.15">
      <c r="A28" s="547"/>
      <c r="B28" s="150" t="s">
        <v>107</v>
      </c>
      <c r="C28" s="155" t="s">
        <v>17</v>
      </c>
      <c r="D28" s="204">
        <v>18.399999999999999</v>
      </c>
      <c r="E28" s="205">
        <v>130</v>
      </c>
      <c r="F28" s="205">
        <v>127.4</v>
      </c>
      <c r="G28" s="206">
        <v>2.6</v>
      </c>
      <c r="H28" s="204">
        <v>19.7</v>
      </c>
      <c r="I28" s="205">
        <v>147.69999999999999</v>
      </c>
      <c r="J28" s="205">
        <v>144.1</v>
      </c>
      <c r="K28" s="206">
        <v>3.6</v>
      </c>
      <c r="L28" s="204">
        <v>17.600000000000001</v>
      </c>
      <c r="M28" s="205">
        <v>120.2</v>
      </c>
      <c r="N28" s="205">
        <v>118.2</v>
      </c>
      <c r="O28" s="206">
        <v>2</v>
      </c>
      <c r="P28" s="150" t="s">
        <v>107</v>
      </c>
    </row>
    <row r="29" spans="1:16" ht="13.5" customHeight="1" x14ac:dyDescent="0.15">
      <c r="A29" s="547"/>
      <c r="B29" s="145" t="s">
        <v>108</v>
      </c>
      <c r="C29" s="146" t="s">
        <v>18</v>
      </c>
      <c r="D29" s="201" t="s">
        <v>19</v>
      </c>
      <c r="E29" s="202" t="s">
        <v>19</v>
      </c>
      <c r="F29" s="202" t="s">
        <v>19</v>
      </c>
      <c r="G29" s="203" t="s">
        <v>19</v>
      </c>
      <c r="H29" s="201" t="s">
        <v>19</v>
      </c>
      <c r="I29" s="202" t="s">
        <v>19</v>
      </c>
      <c r="J29" s="202" t="s">
        <v>19</v>
      </c>
      <c r="K29" s="203" t="s">
        <v>19</v>
      </c>
      <c r="L29" s="201" t="s">
        <v>19</v>
      </c>
      <c r="M29" s="202" t="s">
        <v>19</v>
      </c>
      <c r="N29" s="202" t="s">
        <v>19</v>
      </c>
      <c r="O29" s="203" t="s">
        <v>19</v>
      </c>
      <c r="P29" s="145" t="s">
        <v>108</v>
      </c>
    </row>
    <row r="30" spans="1:16" ht="13.5" customHeight="1" x14ac:dyDescent="0.15">
      <c r="A30" s="547"/>
      <c r="B30" s="150" t="s">
        <v>109</v>
      </c>
      <c r="C30" s="155" t="s">
        <v>20</v>
      </c>
      <c r="D30" s="204">
        <v>19.899999999999999</v>
      </c>
      <c r="E30" s="205">
        <v>164.2</v>
      </c>
      <c r="F30" s="205">
        <v>145.4</v>
      </c>
      <c r="G30" s="206">
        <v>18.8</v>
      </c>
      <c r="H30" s="204">
        <v>20</v>
      </c>
      <c r="I30" s="205">
        <v>163.4</v>
      </c>
      <c r="J30" s="205">
        <v>145.19999999999999</v>
      </c>
      <c r="K30" s="206">
        <v>18.2</v>
      </c>
      <c r="L30" s="204">
        <v>19.399999999999999</v>
      </c>
      <c r="M30" s="205">
        <v>166.6</v>
      </c>
      <c r="N30" s="205">
        <v>145.80000000000001</v>
      </c>
      <c r="O30" s="206">
        <v>20.8</v>
      </c>
      <c r="P30" s="150" t="s">
        <v>109</v>
      </c>
    </row>
    <row r="31" spans="1:16" ht="13.5" customHeight="1" x14ac:dyDescent="0.15">
      <c r="A31" s="547"/>
      <c r="B31" s="145" t="s">
        <v>110</v>
      </c>
      <c r="C31" s="146" t="s">
        <v>21</v>
      </c>
      <c r="D31" s="201">
        <v>17.7</v>
      </c>
      <c r="E31" s="202">
        <v>137</v>
      </c>
      <c r="F31" s="202">
        <v>128.4</v>
      </c>
      <c r="G31" s="203">
        <v>8.6</v>
      </c>
      <c r="H31" s="201">
        <v>18.5</v>
      </c>
      <c r="I31" s="202">
        <v>158</v>
      </c>
      <c r="J31" s="202">
        <v>143.4</v>
      </c>
      <c r="K31" s="203">
        <v>14.6</v>
      </c>
      <c r="L31" s="201">
        <v>17</v>
      </c>
      <c r="M31" s="202">
        <v>117</v>
      </c>
      <c r="N31" s="202">
        <v>114.1</v>
      </c>
      <c r="O31" s="203">
        <v>2.9</v>
      </c>
      <c r="P31" s="145" t="s">
        <v>110</v>
      </c>
    </row>
    <row r="32" spans="1:16" ht="13.5" customHeight="1" x14ac:dyDescent="0.15">
      <c r="A32" s="547"/>
      <c r="B32" s="150" t="s">
        <v>111</v>
      </c>
      <c r="C32" s="155" t="s">
        <v>22</v>
      </c>
      <c r="D32" s="204">
        <v>17.5</v>
      </c>
      <c r="E32" s="205">
        <v>144.4</v>
      </c>
      <c r="F32" s="205">
        <v>131.30000000000001</v>
      </c>
      <c r="G32" s="206">
        <v>13.1</v>
      </c>
      <c r="H32" s="204">
        <v>18.100000000000001</v>
      </c>
      <c r="I32" s="205">
        <v>152.19999999999999</v>
      </c>
      <c r="J32" s="205">
        <v>136.4</v>
      </c>
      <c r="K32" s="206">
        <v>15.8</v>
      </c>
      <c r="L32" s="204">
        <v>16.7</v>
      </c>
      <c r="M32" s="205">
        <v>133.80000000000001</v>
      </c>
      <c r="N32" s="205">
        <v>124.3</v>
      </c>
      <c r="O32" s="206">
        <v>9.5</v>
      </c>
      <c r="P32" s="150" t="s">
        <v>111</v>
      </c>
    </row>
    <row r="33" spans="1:16" ht="13.5" customHeight="1" x14ac:dyDescent="0.15">
      <c r="A33" s="547"/>
      <c r="B33" s="145" t="s">
        <v>112</v>
      </c>
      <c r="C33" s="146" t="s">
        <v>23</v>
      </c>
      <c r="D33" s="201">
        <v>18.2</v>
      </c>
      <c r="E33" s="202">
        <v>153.30000000000001</v>
      </c>
      <c r="F33" s="202">
        <v>141</v>
      </c>
      <c r="G33" s="203">
        <v>12.3</v>
      </c>
      <c r="H33" s="201">
        <v>18.600000000000001</v>
      </c>
      <c r="I33" s="202">
        <v>159.4</v>
      </c>
      <c r="J33" s="202">
        <v>145.19999999999999</v>
      </c>
      <c r="K33" s="203">
        <v>14.2</v>
      </c>
      <c r="L33" s="201">
        <v>17</v>
      </c>
      <c r="M33" s="202">
        <v>129.80000000000001</v>
      </c>
      <c r="N33" s="202">
        <v>125</v>
      </c>
      <c r="O33" s="203">
        <v>4.8</v>
      </c>
      <c r="P33" s="145" t="s">
        <v>112</v>
      </c>
    </row>
    <row r="34" spans="1:16" ht="13.5" customHeight="1" x14ac:dyDescent="0.15">
      <c r="A34" s="547"/>
      <c r="B34" s="150" t="s">
        <v>113</v>
      </c>
      <c r="C34" s="155" t="s">
        <v>24</v>
      </c>
      <c r="D34" s="204">
        <v>19.8</v>
      </c>
      <c r="E34" s="205">
        <v>176.3</v>
      </c>
      <c r="F34" s="205">
        <v>155.6</v>
      </c>
      <c r="G34" s="206">
        <v>20.7</v>
      </c>
      <c r="H34" s="204">
        <v>19.8</v>
      </c>
      <c r="I34" s="205">
        <v>177.6</v>
      </c>
      <c r="J34" s="205">
        <v>155.80000000000001</v>
      </c>
      <c r="K34" s="206">
        <v>21.8</v>
      </c>
      <c r="L34" s="204">
        <v>19.8</v>
      </c>
      <c r="M34" s="205">
        <v>171.2</v>
      </c>
      <c r="N34" s="205">
        <v>155.1</v>
      </c>
      <c r="O34" s="206">
        <v>16.100000000000001</v>
      </c>
      <c r="P34" s="150" t="s">
        <v>113</v>
      </c>
    </row>
    <row r="35" spans="1:16" ht="13.5" customHeight="1" x14ac:dyDescent="0.15">
      <c r="A35" s="547"/>
      <c r="B35" s="145" t="s">
        <v>114</v>
      </c>
      <c r="C35" s="146" t="s">
        <v>25</v>
      </c>
      <c r="D35" s="201">
        <v>19.7</v>
      </c>
      <c r="E35" s="202">
        <v>166.2</v>
      </c>
      <c r="F35" s="202">
        <v>151.1</v>
      </c>
      <c r="G35" s="203">
        <v>15.1</v>
      </c>
      <c r="H35" s="201">
        <v>19.8</v>
      </c>
      <c r="I35" s="202">
        <v>169.8</v>
      </c>
      <c r="J35" s="202">
        <v>153.19999999999999</v>
      </c>
      <c r="K35" s="203">
        <v>16.600000000000001</v>
      </c>
      <c r="L35" s="201">
        <v>19</v>
      </c>
      <c r="M35" s="202">
        <v>152.5</v>
      </c>
      <c r="N35" s="202">
        <v>143.1</v>
      </c>
      <c r="O35" s="203">
        <v>9.4</v>
      </c>
      <c r="P35" s="145" t="s">
        <v>114</v>
      </c>
    </row>
    <row r="36" spans="1:16" ht="13.5" customHeight="1" x14ac:dyDescent="0.15">
      <c r="A36" s="547"/>
      <c r="B36" s="150" t="s">
        <v>115</v>
      </c>
      <c r="C36" s="155" t="s">
        <v>26</v>
      </c>
      <c r="D36" s="204">
        <v>19.8</v>
      </c>
      <c r="E36" s="205">
        <v>168</v>
      </c>
      <c r="F36" s="205">
        <v>151.9</v>
      </c>
      <c r="G36" s="206">
        <v>16.100000000000001</v>
      </c>
      <c r="H36" s="204">
        <v>19.899999999999999</v>
      </c>
      <c r="I36" s="205">
        <v>170.3</v>
      </c>
      <c r="J36" s="205">
        <v>153.4</v>
      </c>
      <c r="K36" s="206">
        <v>16.899999999999999</v>
      </c>
      <c r="L36" s="204">
        <v>18.600000000000001</v>
      </c>
      <c r="M36" s="205">
        <v>143.5</v>
      </c>
      <c r="N36" s="205">
        <v>135.30000000000001</v>
      </c>
      <c r="O36" s="206">
        <v>8.1999999999999993</v>
      </c>
      <c r="P36" s="150" t="s">
        <v>115</v>
      </c>
    </row>
    <row r="37" spans="1:16" ht="13.5" customHeight="1" x14ac:dyDescent="0.15">
      <c r="A37" s="547"/>
      <c r="B37" s="145" t="s">
        <v>116</v>
      </c>
      <c r="C37" s="146" t="s">
        <v>27</v>
      </c>
      <c r="D37" s="201">
        <v>20.100000000000001</v>
      </c>
      <c r="E37" s="202">
        <v>172.6</v>
      </c>
      <c r="F37" s="202">
        <v>156.5</v>
      </c>
      <c r="G37" s="203">
        <v>16.100000000000001</v>
      </c>
      <c r="H37" s="201">
        <v>20.3</v>
      </c>
      <c r="I37" s="202">
        <v>174.7</v>
      </c>
      <c r="J37" s="202">
        <v>158.30000000000001</v>
      </c>
      <c r="K37" s="203">
        <v>16.399999999999999</v>
      </c>
      <c r="L37" s="201">
        <v>18.899999999999999</v>
      </c>
      <c r="M37" s="202">
        <v>157</v>
      </c>
      <c r="N37" s="202">
        <v>143.6</v>
      </c>
      <c r="O37" s="203">
        <v>13.4</v>
      </c>
      <c r="P37" s="145" t="s">
        <v>116</v>
      </c>
    </row>
    <row r="38" spans="1:16" ht="13.5" customHeight="1" x14ac:dyDescent="0.15">
      <c r="A38" s="547"/>
      <c r="B38" s="150" t="s">
        <v>117</v>
      </c>
      <c r="C38" s="155" t="s">
        <v>28</v>
      </c>
      <c r="D38" s="204">
        <v>18.5</v>
      </c>
      <c r="E38" s="205">
        <v>159.30000000000001</v>
      </c>
      <c r="F38" s="205">
        <v>144.30000000000001</v>
      </c>
      <c r="G38" s="206">
        <v>15</v>
      </c>
      <c r="H38" s="204">
        <v>18.5</v>
      </c>
      <c r="I38" s="205">
        <v>160.6</v>
      </c>
      <c r="J38" s="205">
        <v>144.80000000000001</v>
      </c>
      <c r="K38" s="206">
        <v>15.8</v>
      </c>
      <c r="L38" s="204">
        <v>18.7</v>
      </c>
      <c r="M38" s="205">
        <v>154.30000000000001</v>
      </c>
      <c r="N38" s="205">
        <v>142.5</v>
      </c>
      <c r="O38" s="206">
        <v>11.8</v>
      </c>
      <c r="P38" s="150" t="s">
        <v>117</v>
      </c>
    </row>
    <row r="39" spans="1:16" ht="13.5" customHeight="1" x14ac:dyDescent="0.15">
      <c r="A39" s="547"/>
      <c r="B39" s="145" t="s">
        <v>118</v>
      </c>
      <c r="C39" s="146" t="s">
        <v>29</v>
      </c>
      <c r="D39" s="201">
        <v>17.5</v>
      </c>
      <c r="E39" s="202">
        <v>154.19999999999999</v>
      </c>
      <c r="F39" s="202">
        <v>138.19999999999999</v>
      </c>
      <c r="G39" s="203">
        <v>16</v>
      </c>
      <c r="H39" s="201">
        <v>17.600000000000001</v>
      </c>
      <c r="I39" s="202">
        <v>155.9</v>
      </c>
      <c r="J39" s="202">
        <v>139.5</v>
      </c>
      <c r="K39" s="203">
        <v>16.399999999999999</v>
      </c>
      <c r="L39" s="201">
        <v>17.2</v>
      </c>
      <c r="M39" s="202">
        <v>145.4</v>
      </c>
      <c r="N39" s="202">
        <v>131.80000000000001</v>
      </c>
      <c r="O39" s="203">
        <v>13.6</v>
      </c>
      <c r="P39" s="145" t="s">
        <v>118</v>
      </c>
    </row>
    <row r="40" spans="1:16" ht="13.5" customHeight="1" x14ac:dyDescent="0.15">
      <c r="A40" s="547"/>
      <c r="B40" s="150" t="s">
        <v>119</v>
      </c>
      <c r="C40" s="155" t="s">
        <v>30</v>
      </c>
      <c r="D40" s="204">
        <v>17.8</v>
      </c>
      <c r="E40" s="205">
        <v>148.30000000000001</v>
      </c>
      <c r="F40" s="205">
        <v>135.19999999999999</v>
      </c>
      <c r="G40" s="206">
        <v>13.1</v>
      </c>
      <c r="H40" s="204">
        <v>17.899999999999999</v>
      </c>
      <c r="I40" s="205">
        <v>150.80000000000001</v>
      </c>
      <c r="J40" s="205">
        <v>136.80000000000001</v>
      </c>
      <c r="K40" s="206">
        <v>14</v>
      </c>
      <c r="L40" s="204">
        <v>16.899999999999999</v>
      </c>
      <c r="M40" s="205">
        <v>135.1</v>
      </c>
      <c r="N40" s="205">
        <v>126.7</v>
      </c>
      <c r="O40" s="206">
        <v>8.4</v>
      </c>
      <c r="P40" s="150" t="s">
        <v>119</v>
      </c>
    </row>
    <row r="41" spans="1:16" ht="13.5" customHeight="1" x14ac:dyDescent="0.15">
      <c r="A41" s="547"/>
      <c r="B41" s="145" t="s">
        <v>120</v>
      </c>
      <c r="C41" s="146" t="s">
        <v>31</v>
      </c>
      <c r="D41" s="201">
        <v>19</v>
      </c>
      <c r="E41" s="202">
        <v>163</v>
      </c>
      <c r="F41" s="202">
        <v>146.4</v>
      </c>
      <c r="G41" s="203">
        <v>16.600000000000001</v>
      </c>
      <c r="H41" s="201">
        <v>19</v>
      </c>
      <c r="I41" s="202">
        <v>165</v>
      </c>
      <c r="J41" s="202">
        <v>147.1</v>
      </c>
      <c r="K41" s="203">
        <v>17.899999999999999</v>
      </c>
      <c r="L41" s="201">
        <v>18.8</v>
      </c>
      <c r="M41" s="202">
        <v>154</v>
      </c>
      <c r="N41" s="202">
        <v>143.1</v>
      </c>
      <c r="O41" s="203">
        <v>10.9</v>
      </c>
      <c r="P41" s="145" t="s">
        <v>120</v>
      </c>
    </row>
    <row r="42" spans="1:16" ht="13.5" customHeight="1" x14ac:dyDescent="0.15">
      <c r="A42" s="547"/>
      <c r="B42" s="150" t="s">
        <v>121</v>
      </c>
      <c r="C42" s="155" t="s">
        <v>32</v>
      </c>
      <c r="D42" s="204">
        <v>17.7</v>
      </c>
      <c r="E42" s="205">
        <v>152.5</v>
      </c>
      <c r="F42" s="205">
        <v>136.9</v>
      </c>
      <c r="G42" s="206">
        <v>15.6</v>
      </c>
      <c r="H42" s="204">
        <v>17.899999999999999</v>
      </c>
      <c r="I42" s="205">
        <v>153.6</v>
      </c>
      <c r="J42" s="205">
        <v>137.6</v>
      </c>
      <c r="K42" s="206">
        <v>16</v>
      </c>
      <c r="L42" s="204">
        <v>17.100000000000001</v>
      </c>
      <c r="M42" s="205">
        <v>147.69999999999999</v>
      </c>
      <c r="N42" s="205">
        <v>134</v>
      </c>
      <c r="O42" s="206">
        <v>13.7</v>
      </c>
      <c r="P42" s="150" t="s">
        <v>121</v>
      </c>
    </row>
    <row r="43" spans="1:16" ht="13.5" customHeight="1" x14ac:dyDescent="0.15">
      <c r="A43" s="547"/>
      <c r="B43" s="145" t="s">
        <v>122</v>
      </c>
      <c r="C43" s="146" t="s">
        <v>33</v>
      </c>
      <c r="D43" s="201">
        <v>19.899999999999999</v>
      </c>
      <c r="E43" s="202">
        <v>166.8</v>
      </c>
      <c r="F43" s="202">
        <v>154.19999999999999</v>
      </c>
      <c r="G43" s="203">
        <v>12.6</v>
      </c>
      <c r="H43" s="201">
        <v>20.3</v>
      </c>
      <c r="I43" s="202">
        <v>172.1</v>
      </c>
      <c r="J43" s="202">
        <v>158</v>
      </c>
      <c r="K43" s="203">
        <v>14.1</v>
      </c>
      <c r="L43" s="201">
        <v>18.8</v>
      </c>
      <c r="M43" s="202">
        <v>148.1</v>
      </c>
      <c r="N43" s="202">
        <v>140.9</v>
      </c>
      <c r="O43" s="203">
        <v>7.2</v>
      </c>
      <c r="P43" s="145" t="s">
        <v>122</v>
      </c>
    </row>
    <row r="44" spans="1:16" ht="13.5" customHeight="1" x14ac:dyDescent="0.15">
      <c r="A44" s="547"/>
      <c r="B44" s="150" t="s">
        <v>123</v>
      </c>
      <c r="C44" s="155" t="s">
        <v>34</v>
      </c>
      <c r="D44" s="204">
        <v>19.2</v>
      </c>
      <c r="E44" s="205">
        <v>160</v>
      </c>
      <c r="F44" s="205">
        <v>142.80000000000001</v>
      </c>
      <c r="G44" s="206">
        <v>17.2</v>
      </c>
      <c r="H44" s="204">
        <v>19.399999999999999</v>
      </c>
      <c r="I44" s="205">
        <v>163.19999999999999</v>
      </c>
      <c r="J44" s="205">
        <v>144.80000000000001</v>
      </c>
      <c r="K44" s="206">
        <v>18.399999999999999</v>
      </c>
      <c r="L44" s="204">
        <v>18.3</v>
      </c>
      <c r="M44" s="205">
        <v>147.5</v>
      </c>
      <c r="N44" s="205">
        <v>135</v>
      </c>
      <c r="O44" s="206">
        <v>12.5</v>
      </c>
      <c r="P44" s="150" t="s">
        <v>123</v>
      </c>
    </row>
    <row r="45" spans="1:16" ht="13.5" customHeight="1" x14ac:dyDescent="0.15">
      <c r="A45" s="547"/>
      <c r="B45" s="145" t="s">
        <v>124</v>
      </c>
      <c r="C45" s="146" t="s">
        <v>35</v>
      </c>
      <c r="D45" s="201">
        <v>18.100000000000001</v>
      </c>
      <c r="E45" s="202">
        <v>160.6</v>
      </c>
      <c r="F45" s="202">
        <v>141.80000000000001</v>
      </c>
      <c r="G45" s="203">
        <v>18.8</v>
      </c>
      <c r="H45" s="201">
        <v>18.3</v>
      </c>
      <c r="I45" s="202">
        <v>164.4</v>
      </c>
      <c r="J45" s="202">
        <v>144.1</v>
      </c>
      <c r="K45" s="203">
        <v>20.3</v>
      </c>
      <c r="L45" s="201">
        <v>16.7</v>
      </c>
      <c r="M45" s="202">
        <v>134.6</v>
      </c>
      <c r="N45" s="202">
        <v>126</v>
      </c>
      <c r="O45" s="203">
        <v>8.6</v>
      </c>
      <c r="P45" s="145" t="s">
        <v>124</v>
      </c>
    </row>
    <row r="46" spans="1:16" ht="6.75" customHeight="1" x14ac:dyDescent="0.15">
      <c r="A46" s="547"/>
      <c r="B46" s="8"/>
      <c r="C46" s="155"/>
      <c r="D46" s="214"/>
      <c r="E46" s="205"/>
      <c r="F46" s="205"/>
      <c r="G46" s="206"/>
      <c r="H46" s="214"/>
      <c r="I46" s="205"/>
      <c r="J46" s="205"/>
      <c r="K46" s="206"/>
      <c r="L46" s="214"/>
      <c r="M46" s="205"/>
      <c r="N46" s="205"/>
      <c r="O46" s="206"/>
      <c r="P46" s="2"/>
    </row>
    <row r="47" spans="1:16" ht="13.5" customHeight="1" x14ac:dyDescent="0.15">
      <c r="A47" s="547"/>
      <c r="B47" s="150" t="s">
        <v>125</v>
      </c>
      <c r="C47" s="155" t="s">
        <v>36</v>
      </c>
      <c r="D47" s="204">
        <v>19.7</v>
      </c>
      <c r="E47" s="205">
        <v>165.1</v>
      </c>
      <c r="F47" s="205">
        <v>147.6</v>
      </c>
      <c r="G47" s="206">
        <v>17.5</v>
      </c>
      <c r="H47" s="204">
        <v>19.899999999999999</v>
      </c>
      <c r="I47" s="205">
        <v>169.2</v>
      </c>
      <c r="J47" s="205">
        <v>148.5</v>
      </c>
      <c r="K47" s="206">
        <v>20.7</v>
      </c>
      <c r="L47" s="204">
        <v>19.2</v>
      </c>
      <c r="M47" s="205">
        <v>152.30000000000001</v>
      </c>
      <c r="N47" s="205">
        <v>144.6</v>
      </c>
      <c r="O47" s="206">
        <v>7.7</v>
      </c>
      <c r="P47" s="150" t="s">
        <v>125</v>
      </c>
    </row>
    <row r="48" spans="1:16" ht="13.5" customHeight="1" thickBot="1" x14ac:dyDescent="0.2">
      <c r="A48" s="547"/>
      <c r="B48" s="165" t="s">
        <v>126</v>
      </c>
      <c r="C48" s="166" t="s">
        <v>37</v>
      </c>
      <c r="D48" s="215">
        <v>17.600000000000001</v>
      </c>
      <c r="E48" s="216">
        <v>144.4</v>
      </c>
      <c r="F48" s="216">
        <v>134.9</v>
      </c>
      <c r="G48" s="217">
        <v>9.5</v>
      </c>
      <c r="H48" s="215">
        <v>17.7</v>
      </c>
      <c r="I48" s="216">
        <v>149.5</v>
      </c>
      <c r="J48" s="216">
        <v>137.4</v>
      </c>
      <c r="K48" s="217">
        <v>12.1</v>
      </c>
      <c r="L48" s="215">
        <v>17.5</v>
      </c>
      <c r="M48" s="216">
        <v>142</v>
      </c>
      <c r="N48" s="216">
        <v>133.69999999999999</v>
      </c>
      <c r="O48" s="217">
        <v>8.3000000000000007</v>
      </c>
      <c r="P48" s="165" t="s">
        <v>126</v>
      </c>
    </row>
    <row r="49" spans="2:4" ht="14.25" customHeight="1" x14ac:dyDescent="0.15">
      <c r="B49"/>
      <c r="D49"/>
    </row>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E5E8C20-AA17-4914-AA0F-B0172FD2A948}">
  <sheetPr codeName="Sheet12">
    <tabColor indexed="52"/>
  </sheetPr>
  <dimension ref="A1:T49"/>
  <sheetViews>
    <sheetView view="pageBreakPreview" zoomScaleNormal="80" zoomScaleSheetLayoutView="100" workbookViewId="0">
      <selection sqref="A1:A47"/>
    </sheetView>
  </sheetViews>
  <sheetFormatPr defaultColWidth="9" defaultRowHeight="13.5" x14ac:dyDescent="0.15"/>
  <cols>
    <col min="1" max="1" width="5" style="38" customWidth="1"/>
    <col min="2" max="2" width="6.625" style="172" customWidth="1"/>
    <col min="3" max="3" width="22.5" style="38" customWidth="1"/>
    <col min="4" max="4" width="9.125" style="36" customWidth="1"/>
    <col min="5" max="5" width="9" style="38" customWidth="1"/>
    <col min="6" max="8" width="5.5" style="38" customWidth="1"/>
    <col min="9" max="9" width="9.125" style="38" customWidth="1"/>
    <col min="10" max="10" width="8.625" style="38" customWidth="1"/>
    <col min="11" max="13" width="5.5" style="38" customWidth="1"/>
    <col min="14" max="14" width="9.125" style="38" customWidth="1"/>
    <col min="15" max="15" width="8.625" style="38" customWidth="1"/>
    <col min="16" max="18" width="5.5" style="38" customWidth="1"/>
    <col min="19" max="19" width="6.625" style="38" customWidth="1"/>
  </cols>
  <sheetData>
    <row r="1" spans="1:20" ht="22.5" customHeight="1" x14ac:dyDescent="0.15">
      <c r="A1" s="547" t="s">
        <v>141</v>
      </c>
      <c r="B1" s="490" t="s">
        <v>142</v>
      </c>
      <c r="C1" s="490"/>
      <c r="D1" s="490"/>
      <c r="E1" s="490"/>
      <c r="F1" s="490"/>
      <c r="G1" s="490"/>
      <c r="H1" s="490"/>
      <c r="I1" s="490"/>
      <c r="J1" s="490"/>
      <c r="K1" s="490"/>
      <c r="L1" s="490"/>
      <c r="M1" s="490"/>
      <c r="N1" s="490"/>
      <c r="O1" s="490"/>
      <c r="P1" s="490"/>
      <c r="Q1" s="490"/>
      <c r="R1" s="490"/>
      <c r="S1" s="490"/>
      <c r="T1" s="3"/>
    </row>
    <row r="2" spans="1:20" ht="11.25" customHeight="1" thickBot="1" x14ac:dyDescent="0.2">
      <c r="A2" s="547"/>
      <c r="B2" s="548" t="s">
        <v>78</v>
      </c>
      <c r="C2" s="548"/>
      <c r="D2" s="548"/>
      <c r="E2" s="548"/>
      <c r="F2" s="548"/>
      <c r="G2" s="548"/>
      <c r="H2" s="129"/>
      <c r="O2" s="549" t="s">
        <v>143</v>
      </c>
      <c r="P2" s="549"/>
      <c r="Q2" s="549"/>
      <c r="R2" s="549"/>
      <c r="S2" s="549"/>
    </row>
    <row r="3" spans="1:20" ht="8.25" customHeight="1" x14ac:dyDescent="0.15">
      <c r="A3" s="547"/>
      <c r="B3" s="492" t="s">
        <v>80</v>
      </c>
      <c r="C3" s="519"/>
      <c r="D3" s="491" t="s">
        <v>81</v>
      </c>
      <c r="E3" s="550"/>
      <c r="F3" s="550"/>
      <c r="G3" s="550"/>
      <c r="H3" s="574"/>
      <c r="I3" s="491" t="s">
        <v>144</v>
      </c>
      <c r="J3" s="492"/>
      <c r="K3" s="492"/>
      <c r="L3" s="492"/>
      <c r="M3" s="519"/>
      <c r="N3" s="491" t="s">
        <v>145</v>
      </c>
      <c r="O3" s="550"/>
      <c r="P3" s="550"/>
      <c r="Q3" s="550"/>
      <c r="R3" s="574"/>
      <c r="S3" s="491" t="s">
        <v>84</v>
      </c>
    </row>
    <row r="4" spans="1:20" ht="8.25" customHeight="1" x14ac:dyDescent="0.15">
      <c r="A4" s="547"/>
      <c r="B4" s="494"/>
      <c r="C4" s="520"/>
      <c r="D4" s="575"/>
      <c r="E4" s="551"/>
      <c r="F4" s="551"/>
      <c r="G4" s="551"/>
      <c r="H4" s="576"/>
      <c r="I4" s="560"/>
      <c r="J4" s="521"/>
      <c r="K4" s="521"/>
      <c r="L4" s="521"/>
      <c r="M4" s="522"/>
      <c r="N4" s="560"/>
      <c r="O4" s="551"/>
      <c r="P4" s="551"/>
      <c r="Q4" s="551"/>
      <c r="R4" s="576"/>
      <c r="S4" s="493"/>
    </row>
    <row r="5" spans="1:20" ht="13.5" customHeight="1" x14ac:dyDescent="0.15">
      <c r="A5" s="547"/>
      <c r="B5" s="494"/>
      <c r="C5" s="520"/>
      <c r="D5" s="572" t="s">
        <v>146</v>
      </c>
      <c r="E5" s="218"/>
      <c r="F5" s="219"/>
      <c r="G5" s="577" t="s">
        <v>147</v>
      </c>
      <c r="H5" s="578"/>
      <c r="I5" s="572" t="s">
        <v>146</v>
      </c>
      <c r="J5" s="6"/>
      <c r="K5" s="7"/>
      <c r="L5" s="577" t="s">
        <v>147</v>
      </c>
      <c r="M5" s="578"/>
      <c r="N5" s="572" t="s">
        <v>146</v>
      </c>
      <c r="O5" s="6"/>
      <c r="P5" s="7"/>
      <c r="Q5" s="577" t="s">
        <v>147</v>
      </c>
      <c r="R5" s="578"/>
      <c r="S5" s="493"/>
    </row>
    <row r="6" spans="1:20" s="2" customFormat="1" ht="11.25" customHeight="1" x14ac:dyDescent="0.15">
      <c r="A6" s="547"/>
      <c r="B6" s="494"/>
      <c r="C6" s="520"/>
      <c r="D6" s="573"/>
      <c r="E6" s="144" t="s">
        <v>148</v>
      </c>
      <c r="F6" s="144" t="s">
        <v>149</v>
      </c>
      <c r="G6" s="552" t="s">
        <v>150</v>
      </c>
      <c r="H6" s="552" t="s">
        <v>151</v>
      </c>
      <c r="I6" s="573"/>
      <c r="J6" s="144" t="s">
        <v>148</v>
      </c>
      <c r="K6" s="144" t="s">
        <v>149</v>
      </c>
      <c r="L6" s="552" t="s">
        <v>150</v>
      </c>
      <c r="M6" s="552" t="s">
        <v>151</v>
      </c>
      <c r="N6" s="573"/>
      <c r="O6" s="144" t="s">
        <v>148</v>
      </c>
      <c r="P6" s="144" t="s">
        <v>149</v>
      </c>
      <c r="Q6" s="552" t="s">
        <v>150</v>
      </c>
      <c r="R6" s="552" t="s">
        <v>151</v>
      </c>
      <c r="S6" s="493"/>
    </row>
    <row r="7" spans="1:20" s="2" customFormat="1" ht="11.25" customHeight="1" x14ac:dyDescent="0.15">
      <c r="A7" s="547"/>
      <c r="B7" s="521"/>
      <c r="C7" s="522"/>
      <c r="D7" s="573"/>
      <c r="E7" s="144" t="s">
        <v>152</v>
      </c>
      <c r="F7" s="144" t="s">
        <v>153</v>
      </c>
      <c r="G7" s="553"/>
      <c r="H7" s="553"/>
      <c r="I7" s="573"/>
      <c r="J7" s="144" t="s">
        <v>152</v>
      </c>
      <c r="K7" s="144" t="s">
        <v>153</v>
      </c>
      <c r="L7" s="553"/>
      <c r="M7" s="553"/>
      <c r="N7" s="573"/>
      <c r="O7" s="144" t="s">
        <v>152</v>
      </c>
      <c r="P7" s="144" t="s">
        <v>153</v>
      </c>
      <c r="Q7" s="553"/>
      <c r="R7" s="553"/>
      <c r="S7" s="560"/>
    </row>
    <row r="8" spans="1:20" ht="13.5" customHeight="1" x14ac:dyDescent="0.15">
      <c r="A8" s="547"/>
      <c r="B8" s="145" t="s">
        <v>89</v>
      </c>
      <c r="C8" s="146" t="s">
        <v>90</v>
      </c>
      <c r="D8" s="147">
        <v>3120051</v>
      </c>
      <c r="E8" s="148">
        <v>1145956</v>
      </c>
      <c r="F8" s="220">
        <v>36.700000000000003</v>
      </c>
      <c r="G8" s="221">
        <v>1.75</v>
      </c>
      <c r="H8" s="222">
        <v>1.76</v>
      </c>
      <c r="I8" s="147">
        <v>1650321</v>
      </c>
      <c r="J8" s="148">
        <v>366363</v>
      </c>
      <c r="K8" s="220">
        <v>22.2</v>
      </c>
      <c r="L8" s="221">
        <v>1.5</v>
      </c>
      <c r="M8" s="222">
        <v>1.58</v>
      </c>
      <c r="N8" s="147">
        <v>1469730</v>
      </c>
      <c r="O8" s="148">
        <v>779593</v>
      </c>
      <c r="P8" s="220">
        <v>53</v>
      </c>
      <c r="Q8" s="221">
        <v>2.0299999999999998</v>
      </c>
      <c r="R8" s="222">
        <v>1.97</v>
      </c>
      <c r="S8" s="145" t="s">
        <v>89</v>
      </c>
    </row>
    <row r="9" spans="1:20" ht="7.5" customHeight="1" x14ac:dyDescent="0.15">
      <c r="A9" s="547"/>
      <c r="B9" s="150"/>
      <c r="C9" s="151"/>
      <c r="D9" s="152"/>
      <c r="E9" s="153"/>
      <c r="F9" s="223"/>
      <c r="G9" s="224"/>
      <c r="H9" s="225"/>
      <c r="I9" s="152"/>
      <c r="J9" s="153"/>
      <c r="K9" s="223"/>
      <c r="L9" s="224"/>
      <c r="M9" s="225"/>
      <c r="N9" s="152"/>
      <c r="O9" s="153"/>
      <c r="P9" s="223"/>
      <c r="Q9" s="224"/>
      <c r="R9" s="225"/>
      <c r="S9" s="150"/>
    </row>
    <row r="10" spans="1:20" ht="13.5" customHeight="1" x14ac:dyDescent="0.15">
      <c r="A10" s="547"/>
      <c r="B10" s="150" t="s">
        <v>91</v>
      </c>
      <c r="C10" s="155" t="s">
        <v>1</v>
      </c>
      <c r="D10" s="152">
        <v>146976</v>
      </c>
      <c r="E10" s="153">
        <v>3083</v>
      </c>
      <c r="F10" s="223">
        <v>2.1</v>
      </c>
      <c r="G10" s="224">
        <v>0.32</v>
      </c>
      <c r="H10" s="225">
        <v>0.68</v>
      </c>
      <c r="I10" s="152">
        <v>124984</v>
      </c>
      <c r="J10" s="153">
        <v>671</v>
      </c>
      <c r="K10" s="223">
        <v>0.5</v>
      </c>
      <c r="L10" s="224">
        <v>0.36</v>
      </c>
      <c r="M10" s="225">
        <v>0.7</v>
      </c>
      <c r="N10" s="152">
        <v>21992</v>
      </c>
      <c r="O10" s="153">
        <v>2412</v>
      </c>
      <c r="P10" s="223">
        <v>11</v>
      </c>
      <c r="Q10" s="224">
        <v>7.0000000000000007E-2</v>
      </c>
      <c r="R10" s="225">
        <v>0.6</v>
      </c>
      <c r="S10" s="150" t="s">
        <v>91</v>
      </c>
    </row>
    <row r="11" spans="1:20" ht="13.5" customHeight="1" x14ac:dyDescent="0.15">
      <c r="A11" s="547"/>
      <c r="B11" s="145" t="s">
        <v>92</v>
      </c>
      <c r="C11" s="146" t="s">
        <v>2</v>
      </c>
      <c r="D11" s="156">
        <v>372533</v>
      </c>
      <c r="E11" s="157">
        <v>47664</v>
      </c>
      <c r="F11" s="226">
        <v>12.8</v>
      </c>
      <c r="G11" s="227">
        <v>0.81</v>
      </c>
      <c r="H11" s="228">
        <v>0.86</v>
      </c>
      <c r="I11" s="156">
        <v>273193</v>
      </c>
      <c r="J11" s="157">
        <v>13660</v>
      </c>
      <c r="K11" s="226">
        <v>5</v>
      </c>
      <c r="L11" s="227">
        <v>0.75</v>
      </c>
      <c r="M11" s="228">
        <v>0.81</v>
      </c>
      <c r="N11" s="156">
        <v>99340</v>
      </c>
      <c r="O11" s="157">
        <v>34004</v>
      </c>
      <c r="P11" s="226">
        <v>34.200000000000003</v>
      </c>
      <c r="Q11" s="227">
        <v>0.97</v>
      </c>
      <c r="R11" s="228">
        <v>1.01</v>
      </c>
      <c r="S11" s="145" t="s">
        <v>92</v>
      </c>
    </row>
    <row r="12" spans="1:20" ht="13.5" customHeight="1" x14ac:dyDescent="0.15">
      <c r="A12" s="547"/>
      <c r="B12" s="150" t="s">
        <v>93</v>
      </c>
      <c r="C12" s="155" t="s">
        <v>3</v>
      </c>
      <c r="D12" s="152">
        <v>10257</v>
      </c>
      <c r="E12" s="153">
        <v>368</v>
      </c>
      <c r="F12" s="223">
        <v>3.6</v>
      </c>
      <c r="G12" s="224">
        <v>0</v>
      </c>
      <c r="H12" s="225">
        <v>0.18</v>
      </c>
      <c r="I12" s="152">
        <v>9078</v>
      </c>
      <c r="J12" s="153">
        <v>207</v>
      </c>
      <c r="K12" s="223">
        <v>2.2999999999999998</v>
      </c>
      <c r="L12" s="224">
        <v>0</v>
      </c>
      <c r="M12" s="225">
        <v>0.21</v>
      </c>
      <c r="N12" s="152">
        <v>1179</v>
      </c>
      <c r="O12" s="153">
        <v>161</v>
      </c>
      <c r="P12" s="223">
        <v>13.7</v>
      </c>
      <c r="Q12" s="224">
        <v>0</v>
      </c>
      <c r="R12" s="225">
        <v>0</v>
      </c>
      <c r="S12" s="150" t="s">
        <v>93</v>
      </c>
    </row>
    <row r="13" spans="1:20" ht="13.5" customHeight="1" x14ac:dyDescent="0.15">
      <c r="A13" s="547"/>
      <c r="B13" s="145" t="s">
        <v>94</v>
      </c>
      <c r="C13" s="146" t="s">
        <v>4</v>
      </c>
      <c r="D13" s="156">
        <v>98554</v>
      </c>
      <c r="E13" s="157">
        <v>5378</v>
      </c>
      <c r="F13" s="226">
        <v>5.5</v>
      </c>
      <c r="G13" s="227">
        <v>2.5499999999999998</v>
      </c>
      <c r="H13" s="228">
        <v>1.78</v>
      </c>
      <c r="I13" s="156">
        <v>75008</v>
      </c>
      <c r="J13" s="157">
        <v>2356</v>
      </c>
      <c r="K13" s="226">
        <v>3.1</v>
      </c>
      <c r="L13" s="227">
        <v>2.63</v>
      </c>
      <c r="M13" s="228">
        <v>0.89</v>
      </c>
      <c r="N13" s="156">
        <v>23546</v>
      </c>
      <c r="O13" s="157">
        <v>3022</v>
      </c>
      <c r="P13" s="226">
        <v>12.8</v>
      </c>
      <c r="Q13" s="227">
        <v>2.31</v>
      </c>
      <c r="R13" s="228">
        <v>4.5199999999999996</v>
      </c>
      <c r="S13" s="145" t="s">
        <v>94</v>
      </c>
    </row>
    <row r="14" spans="1:20" ht="13.5" customHeight="1" x14ac:dyDescent="0.15">
      <c r="A14" s="547"/>
      <c r="B14" s="150" t="s">
        <v>95</v>
      </c>
      <c r="C14" s="155" t="s">
        <v>5</v>
      </c>
      <c r="D14" s="152">
        <v>193354</v>
      </c>
      <c r="E14" s="153">
        <v>52225</v>
      </c>
      <c r="F14" s="223">
        <v>27</v>
      </c>
      <c r="G14" s="224">
        <v>1.51</v>
      </c>
      <c r="H14" s="225">
        <v>1.88</v>
      </c>
      <c r="I14" s="152">
        <v>141171</v>
      </c>
      <c r="J14" s="153">
        <v>20487</v>
      </c>
      <c r="K14" s="223">
        <v>14.5</v>
      </c>
      <c r="L14" s="224">
        <v>1.44</v>
      </c>
      <c r="M14" s="225">
        <v>1.94</v>
      </c>
      <c r="N14" s="152">
        <v>52183</v>
      </c>
      <c r="O14" s="153">
        <v>31738</v>
      </c>
      <c r="P14" s="223">
        <v>60.8</v>
      </c>
      <c r="Q14" s="224">
        <v>1.69</v>
      </c>
      <c r="R14" s="225">
        <v>1.71</v>
      </c>
      <c r="S14" s="150" t="s">
        <v>95</v>
      </c>
    </row>
    <row r="15" spans="1:20" ht="13.5" customHeight="1" x14ac:dyDescent="0.15">
      <c r="A15" s="547"/>
      <c r="B15" s="145" t="s">
        <v>96</v>
      </c>
      <c r="C15" s="146" t="s">
        <v>6</v>
      </c>
      <c r="D15" s="156">
        <v>547618</v>
      </c>
      <c r="E15" s="157">
        <v>315719</v>
      </c>
      <c r="F15" s="226">
        <v>57.7</v>
      </c>
      <c r="G15" s="227">
        <v>1.91</v>
      </c>
      <c r="H15" s="228">
        <v>2.8</v>
      </c>
      <c r="I15" s="156">
        <v>239943</v>
      </c>
      <c r="J15" s="157">
        <v>83696</v>
      </c>
      <c r="K15" s="226">
        <v>34.9</v>
      </c>
      <c r="L15" s="227">
        <v>1.88</v>
      </c>
      <c r="M15" s="228">
        <v>2.1800000000000002</v>
      </c>
      <c r="N15" s="156">
        <v>307675</v>
      </c>
      <c r="O15" s="157">
        <v>232023</v>
      </c>
      <c r="P15" s="226">
        <v>75.400000000000006</v>
      </c>
      <c r="Q15" s="227">
        <v>1.93</v>
      </c>
      <c r="R15" s="228">
        <v>3.28</v>
      </c>
      <c r="S15" s="145" t="s">
        <v>96</v>
      </c>
    </row>
    <row r="16" spans="1:20" ht="13.5" customHeight="1" x14ac:dyDescent="0.15">
      <c r="A16" s="547"/>
      <c r="B16" s="150" t="s">
        <v>97</v>
      </c>
      <c r="C16" s="155" t="s">
        <v>7</v>
      </c>
      <c r="D16" s="152">
        <v>47405</v>
      </c>
      <c r="E16" s="153">
        <v>7294</v>
      </c>
      <c r="F16" s="223">
        <v>15.4</v>
      </c>
      <c r="G16" s="224">
        <v>2.21</v>
      </c>
      <c r="H16" s="225">
        <v>0.71</v>
      </c>
      <c r="I16" s="152">
        <v>20622</v>
      </c>
      <c r="J16" s="153">
        <v>442</v>
      </c>
      <c r="K16" s="223">
        <v>2.1</v>
      </c>
      <c r="L16" s="224">
        <v>2.84</v>
      </c>
      <c r="M16" s="225">
        <v>0.32</v>
      </c>
      <c r="N16" s="152">
        <v>26783</v>
      </c>
      <c r="O16" s="153">
        <v>6852</v>
      </c>
      <c r="P16" s="223">
        <v>25.6</v>
      </c>
      <c r="Q16" s="224">
        <v>1.73</v>
      </c>
      <c r="R16" s="225">
        <v>1</v>
      </c>
      <c r="S16" s="150" t="s">
        <v>97</v>
      </c>
    </row>
    <row r="17" spans="1:19" ht="13.5" customHeight="1" x14ac:dyDescent="0.15">
      <c r="A17" s="547"/>
      <c r="B17" s="145" t="s">
        <v>98</v>
      </c>
      <c r="C17" s="146" t="s">
        <v>8</v>
      </c>
      <c r="D17" s="156">
        <v>53244</v>
      </c>
      <c r="E17" s="157">
        <v>13650</v>
      </c>
      <c r="F17" s="226">
        <v>25.6</v>
      </c>
      <c r="G17" s="227">
        <v>1.89</v>
      </c>
      <c r="H17" s="228">
        <v>1.55</v>
      </c>
      <c r="I17" s="156">
        <v>32206</v>
      </c>
      <c r="J17" s="157">
        <v>6183</v>
      </c>
      <c r="K17" s="226">
        <v>19.2</v>
      </c>
      <c r="L17" s="227">
        <v>1.26</v>
      </c>
      <c r="M17" s="228">
        <v>2.15</v>
      </c>
      <c r="N17" s="156">
        <v>21038</v>
      </c>
      <c r="O17" s="157">
        <v>7467</v>
      </c>
      <c r="P17" s="226">
        <v>35.5</v>
      </c>
      <c r="Q17" s="227">
        <v>2.87</v>
      </c>
      <c r="R17" s="228">
        <v>0.59</v>
      </c>
      <c r="S17" s="145" t="s">
        <v>98</v>
      </c>
    </row>
    <row r="18" spans="1:19" ht="13.5" customHeight="1" x14ac:dyDescent="0.15">
      <c r="A18" s="547"/>
      <c r="B18" s="150" t="s">
        <v>99</v>
      </c>
      <c r="C18" s="155" t="s">
        <v>9</v>
      </c>
      <c r="D18" s="152">
        <v>147949</v>
      </c>
      <c r="E18" s="153">
        <v>10624</v>
      </c>
      <c r="F18" s="223">
        <v>7.2</v>
      </c>
      <c r="G18" s="224">
        <v>0.76</v>
      </c>
      <c r="H18" s="225">
        <v>0.88</v>
      </c>
      <c r="I18" s="152">
        <v>103095</v>
      </c>
      <c r="J18" s="153">
        <v>3192</v>
      </c>
      <c r="K18" s="223">
        <v>3.1</v>
      </c>
      <c r="L18" s="224">
        <v>0.64</v>
      </c>
      <c r="M18" s="225">
        <v>0.83</v>
      </c>
      <c r="N18" s="152">
        <v>44854</v>
      </c>
      <c r="O18" s="153">
        <v>7432</v>
      </c>
      <c r="P18" s="223">
        <v>16.600000000000001</v>
      </c>
      <c r="Q18" s="224">
        <v>1.04</v>
      </c>
      <c r="R18" s="225">
        <v>0.99</v>
      </c>
      <c r="S18" s="150" t="s">
        <v>99</v>
      </c>
    </row>
    <row r="19" spans="1:19" ht="13.5" customHeight="1" x14ac:dyDescent="0.15">
      <c r="A19" s="547"/>
      <c r="B19" s="145" t="s">
        <v>100</v>
      </c>
      <c r="C19" s="146" t="s">
        <v>10</v>
      </c>
      <c r="D19" s="156">
        <v>294376</v>
      </c>
      <c r="E19" s="157">
        <v>243912</v>
      </c>
      <c r="F19" s="226">
        <v>82.9</v>
      </c>
      <c r="G19" s="227">
        <v>4.45</v>
      </c>
      <c r="H19" s="228">
        <v>3.56</v>
      </c>
      <c r="I19" s="156">
        <v>124177</v>
      </c>
      <c r="J19" s="157">
        <v>96020</v>
      </c>
      <c r="K19" s="226">
        <v>77.3</v>
      </c>
      <c r="L19" s="227">
        <v>4.1500000000000004</v>
      </c>
      <c r="M19" s="228">
        <v>4.03</v>
      </c>
      <c r="N19" s="156">
        <v>170199</v>
      </c>
      <c r="O19" s="157">
        <v>147892</v>
      </c>
      <c r="P19" s="226">
        <v>86.9</v>
      </c>
      <c r="Q19" s="227">
        <v>4.67</v>
      </c>
      <c r="R19" s="228">
        <v>3.21</v>
      </c>
      <c r="S19" s="145" t="s">
        <v>100</v>
      </c>
    </row>
    <row r="20" spans="1:19" ht="13.5" customHeight="1" x14ac:dyDescent="0.15">
      <c r="A20" s="547"/>
      <c r="B20" s="150" t="s">
        <v>101</v>
      </c>
      <c r="C20" s="155" t="s">
        <v>11</v>
      </c>
      <c r="D20" s="152">
        <v>115305</v>
      </c>
      <c r="E20" s="153">
        <v>55893</v>
      </c>
      <c r="F20" s="223">
        <v>48.5</v>
      </c>
      <c r="G20" s="224">
        <v>1.83</v>
      </c>
      <c r="H20" s="225">
        <v>3.07</v>
      </c>
      <c r="I20" s="152">
        <v>55214</v>
      </c>
      <c r="J20" s="153">
        <v>27179</v>
      </c>
      <c r="K20" s="223">
        <v>49.2</v>
      </c>
      <c r="L20" s="224">
        <v>2.37</v>
      </c>
      <c r="M20" s="225">
        <v>2.75</v>
      </c>
      <c r="N20" s="152">
        <v>60091</v>
      </c>
      <c r="O20" s="153">
        <v>28714</v>
      </c>
      <c r="P20" s="223">
        <v>47.8</v>
      </c>
      <c r="Q20" s="224">
        <v>1.35</v>
      </c>
      <c r="R20" s="225">
        <v>3.36</v>
      </c>
      <c r="S20" s="150" t="s">
        <v>101</v>
      </c>
    </row>
    <row r="21" spans="1:19" ht="13.5" customHeight="1" x14ac:dyDescent="0.15">
      <c r="A21" s="547"/>
      <c r="B21" s="145" t="s">
        <v>102</v>
      </c>
      <c r="C21" s="146" t="s">
        <v>12</v>
      </c>
      <c r="D21" s="156">
        <v>222753</v>
      </c>
      <c r="E21" s="157">
        <v>79004</v>
      </c>
      <c r="F21" s="226">
        <v>35.5</v>
      </c>
      <c r="G21" s="227">
        <v>1.07</v>
      </c>
      <c r="H21" s="228">
        <v>1.1000000000000001</v>
      </c>
      <c r="I21" s="156">
        <v>108800</v>
      </c>
      <c r="J21" s="157">
        <v>35396</v>
      </c>
      <c r="K21" s="226">
        <v>32.5</v>
      </c>
      <c r="L21" s="227">
        <v>1.04</v>
      </c>
      <c r="M21" s="228">
        <v>1.0900000000000001</v>
      </c>
      <c r="N21" s="156">
        <v>113953</v>
      </c>
      <c r="O21" s="157">
        <v>43608</v>
      </c>
      <c r="P21" s="226">
        <v>38.299999999999997</v>
      </c>
      <c r="Q21" s="227">
        <v>1.1100000000000001</v>
      </c>
      <c r="R21" s="228">
        <v>1.1200000000000001</v>
      </c>
      <c r="S21" s="145" t="s">
        <v>102</v>
      </c>
    </row>
    <row r="22" spans="1:19" ht="13.5" customHeight="1" x14ac:dyDescent="0.15">
      <c r="A22" s="547"/>
      <c r="B22" s="150" t="s">
        <v>103</v>
      </c>
      <c r="C22" s="155" t="s">
        <v>13</v>
      </c>
      <c r="D22" s="152">
        <v>554624</v>
      </c>
      <c r="E22" s="153">
        <v>226734</v>
      </c>
      <c r="F22" s="223">
        <v>40.9</v>
      </c>
      <c r="G22" s="224">
        <v>1.6</v>
      </c>
      <c r="H22" s="225">
        <v>0.96</v>
      </c>
      <c r="I22" s="152">
        <v>148814</v>
      </c>
      <c r="J22" s="153">
        <v>41205</v>
      </c>
      <c r="K22" s="223">
        <v>27.7</v>
      </c>
      <c r="L22" s="224">
        <v>1.17</v>
      </c>
      <c r="M22" s="225">
        <v>1.56</v>
      </c>
      <c r="N22" s="152">
        <v>405810</v>
      </c>
      <c r="O22" s="153">
        <v>185529</v>
      </c>
      <c r="P22" s="223">
        <v>45.7</v>
      </c>
      <c r="Q22" s="224">
        <v>1.76</v>
      </c>
      <c r="R22" s="225">
        <v>0.73</v>
      </c>
      <c r="S22" s="150" t="s">
        <v>103</v>
      </c>
    </row>
    <row r="23" spans="1:19" ht="13.5" customHeight="1" x14ac:dyDescent="0.15">
      <c r="A23" s="547"/>
      <c r="B23" s="145" t="s">
        <v>104</v>
      </c>
      <c r="C23" s="146" t="s">
        <v>14</v>
      </c>
      <c r="D23" s="159">
        <v>13282</v>
      </c>
      <c r="E23" s="160">
        <v>2078</v>
      </c>
      <c r="F23" s="229">
        <v>15.6</v>
      </c>
      <c r="G23" s="230">
        <v>0.02</v>
      </c>
      <c r="H23" s="231">
        <v>0.02</v>
      </c>
      <c r="I23" s="159">
        <v>6739</v>
      </c>
      <c r="J23" s="160">
        <v>263</v>
      </c>
      <c r="K23" s="229">
        <v>3.9</v>
      </c>
      <c r="L23" s="230">
        <v>0.01</v>
      </c>
      <c r="M23" s="231">
        <v>0.01</v>
      </c>
      <c r="N23" s="159">
        <v>6543</v>
      </c>
      <c r="O23" s="160">
        <v>1815</v>
      </c>
      <c r="P23" s="229">
        <v>27.7</v>
      </c>
      <c r="Q23" s="230">
        <v>0.03</v>
      </c>
      <c r="R23" s="231">
        <v>0.03</v>
      </c>
      <c r="S23" s="145" t="s">
        <v>104</v>
      </c>
    </row>
    <row r="24" spans="1:19" ht="13.5" customHeight="1" x14ac:dyDescent="0.15">
      <c r="A24" s="547"/>
      <c r="B24" s="150" t="s">
        <v>105</v>
      </c>
      <c r="C24" s="155" t="s">
        <v>15</v>
      </c>
      <c r="D24" s="152">
        <v>301821</v>
      </c>
      <c r="E24" s="153">
        <v>82330</v>
      </c>
      <c r="F24" s="223">
        <v>27.3</v>
      </c>
      <c r="G24" s="224">
        <v>1.82</v>
      </c>
      <c r="H24" s="225">
        <v>1.91</v>
      </c>
      <c r="I24" s="152">
        <v>187277</v>
      </c>
      <c r="J24" s="153">
        <v>35406</v>
      </c>
      <c r="K24" s="223">
        <v>18.899999999999999</v>
      </c>
      <c r="L24" s="224">
        <v>1.45</v>
      </c>
      <c r="M24" s="225">
        <v>1.46</v>
      </c>
      <c r="N24" s="152">
        <v>114544</v>
      </c>
      <c r="O24" s="153">
        <v>46924</v>
      </c>
      <c r="P24" s="223">
        <v>41</v>
      </c>
      <c r="Q24" s="224">
        <v>2.4300000000000002</v>
      </c>
      <c r="R24" s="225">
        <v>2.65</v>
      </c>
      <c r="S24" s="150" t="s">
        <v>105</v>
      </c>
    </row>
    <row r="25" spans="1:19" ht="7.5" customHeight="1" x14ac:dyDescent="0.15">
      <c r="A25" s="547"/>
      <c r="B25" s="150"/>
      <c r="C25" s="155"/>
      <c r="D25" s="152"/>
      <c r="E25" s="153"/>
      <c r="F25" s="223"/>
      <c r="G25" s="224"/>
      <c r="H25" s="225"/>
      <c r="I25" s="152"/>
      <c r="J25" s="153"/>
      <c r="K25" s="223"/>
      <c r="L25" s="224"/>
      <c r="M25" s="225"/>
      <c r="N25" s="152"/>
      <c r="O25" s="153"/>
      <c r="P25" s="223"/>
      <c r="Q25" s="224"/>
      <c r="R25" s="225"/>
      <c r="S25" s="150"/>
    </row>
    <row r="26" spans="1:19" ht="13.5" customHeight="1" x14ac:dyDescent="0.15">
      <c r="A26" s="547"/>
      <c r="B26" s="145" t="s">
        <v>106</v>
      </c>
      <c r="C26" s="146" t="s">
        <v>16</v>
      </c>
      <c r="D26" s="156">
        <v>51997</v>
      </c>
      <c r="E26" s="157">
        <v>28417</v>
      </c>
      <c r="F26" s="226">
        <v>54.7</v>
      </c>
      <c r="G26" s="227">
        <v>1.72</v>
      </c>
      <c r="H26" s="228">
        <v>1.57</v>
      </c>
      <c r="I26" s="156">
        <v>23934</v>
      </c>
      <c r="J26" s="157">
        <v>7528</v>
      </c>
      <c r="K26" s="226">
        <v>31.5</v>
      </c>
      <c r="L26" s="227">
        <v>2.16</v>
      </c>
      <c r="M26" s="228">
        <v>2.12</v>
      </c>
      <c r="N26" s="156">
        <v>28063</v>
      </c>
      <c r="O26" s="157">
        <v>20889</v>
      </c>
      <c r="P26" s="226">
        <v>74.400000000000006</v>
      </c>
      <c r="Q26" s="227">
        <v>1.35</v>
      </c>
      <c r="R26" s="228">
        <v>1.1000000000000001</v>
      </c>
      <c r="S26" s="145" t="s">
        <v>106</v>
      </c>
    </row>
    <row r="27" spans="1:19" ht="13.5" customHeight="1" x14ac:dyDescent="0.15">
      <c r="A27" s="547"/>
      <c r="B27" s="150" t="s">
        <v>107</v>
      </c>
      <c r="C27" s="155" t="s">
        <v>17</v>
      </c>
      <c r="D27" s="162">
        <v>1489</v>
      </c>
      <c r="E27" s="163">
        <v>560</v>
      </c>
      <c r="F27" s="232">
        <v>37.6</v>
      </c>
      <c r="G27" s="233">
        <v>1.35</v>
      </c>
      <c r="H27" s="234">
        <v>0.81</v>
      </c>
      <c r="I27" s="162">
        <v>525</v>
      </c>
      <c r="J27" s="163">
        <v>82</v>
      </c>
      <c r="K27" s="232">
        <v>15.6</v>
      </c>
      <c r="L27" s="233">
        <v>1.1399999999999999</v>
      </c>
      <c r="M27" s="234">
        <v>1.1399999999999999</v>
      </c>
      <c r="N27" s="162">
        <v>964</v>
      </c>
      <c r="O27" s="163">
        <v>478</v>
      </c>
      <c r="P27" s="232">
        <v>49.6</v>
      </c>
      <c r="Q27" s="233">
        <v>1.46</v>
      </c>
      <c r="R27" s="234">
        <v>0.63</v>
      </c>
      <c r="S27" s="150" t="s">
        <v>107</v>
      </c>
    </row>
    <row r="28" spans="1:19" ht="13.5" customHeight="1" x14ac:dyDescent="0.15">
      <c r="A28" s="547"/>
      <c r="B28" s="145" t="s">
        <v>108</v>
      </c>
      <c r="C28" s="146" t="s">
        <v>18</v>
      </c>
      <c r="D28" s="159" t="s">
        <v>19</v>
      </c>
      <c r="E28" s="160" t="s">
        <v>19</v>
      </c>
      <c r="F28" s="229" t="s">
        <v>19</v>
      </c>
      <c r="G28" s="230" t="s">
        <v>19</v>
      </c>
      <c r="H28" s="231" t="s">
        <v>19</v>
      </c>
      <c r="I28" s="159" t="s">
        <v>19</v>
      </c>
      <c r="J28" s="160" t="s">
        <v>19</v>
      </c>
      <c r="K28" s="229" t="s">
        <v>19</v>
      </c>
      <c r="L28" s="230" t="s">
        <v>19</v>
      </c>
      <c r="M28" s="231" t="s">
        <v>19</v>
      </c>
      <c r="N28" s="159" t="s">
        <v>19</v>
      </c>
      <c r="O28" s="160" t="s">
        <v>19</v>
      </c>
      <c r="P28" s="229" t="s">
        <v>19</v>
      </c>
      <c r="Q28" s="230" t="s">
        <v>19</v>
      </c>
      <c r="R28" s="231" t="s">
        <v>19</v>
      </c>
      <c r="S28" s="145" t="s">
        <v>108</v>
      </c>
    </row>
    <row r="29" spans="1:19" ht="13.5" customHeight="1" x14ac:dyDescent="0.15">
      <c r="A29" s="547"/>
      <c r="B29" s="150" t="s">
        <v>109</v>
      </c>
      <c r="C29" s="155" t="s">
        <v>20</v>
      </c>
      <c r="D29" s="152">
        <v>4129</v>
      </c>
      <c r="E29" s="153">
        <v>244</v>
      </c>
      <c r="F29" s="223">
        <v>5.9</v>
      </c>
      <c r="G29" s="224">
        <v>1.77</v>
      </c>
      <c r="H29" s="225">
        <v>0</v>
      </c>
      <c r="I29" s="152">
        <v>3176</v>
      </c>
      <c r="J29" s="153">
        <v>221</v>
      </c>
      <c r="K29" s="223">
        <v>7</v>
      </c>
      <c r="L29" s="224">
        <v>1.76</v>
      </c>
      <c r="M29" s="225">
        <v>0</v>
      </c>
      <c r="N29" s="152">
        <v>953</v>
      </c>
      <c r="O29" s="153">
        <v>23</v>
      </c>
      <c r="P29" s="223">
        <v>2.4</v>
      </c>
      <c r="Q29" s="224">
        <v>1.82</v>
      </c>
      <c r="R29" s="225">
        <v>0</v>
      </c>
      <c r="S29" s="150" t="s">
        <v>109</v>
      </c>
    </row>
    <row r="30" spans="1:19" ht="13.5" customHeight="1" x14ac:dyDescent="0.15">
      <c r="A30" s="547"/>
      <c r="B30" s="145" t="s">
        <v>110</v>
      </c>
      <c r="C30" s="146" t="s">
        <v>21</v>
      </c>
      <c r="D30" s="156">
        <v>5141</v>
      </c>
      <c r="E30" s="157">
        <v>1241</v>
      </c>
      <c r="F30" s="226">
        <v>24.1</v>
      </c>
      <c r="G30" s="227">
        <v>0.15</v>
      </c>
      <c r="H30" s="228">
        <v>1.52</v>
      </c>
      <c r="I30" s="156">
        <v>2508</v>
      </c>
      <c r="J30" s="157">
        <v>248</v>
      </c>
      <c r="K30" s="226">
        <v>9.9</v>
      </c>
      <c r="L30" s="227">
        <v>0</v>
      </c>
      <c r="M30" s="228">
        <v>0.67</v>
      </c>
      <c r="N30" s="156">
        <v>2633</v>
      </c>
      <c r="O30" s="157">
        <v>993</v>
      </c>
      <c r="P30" s="226">
        <v>37.700000000000003</v>
      </c>
      <c r="Q30" s="227">
        <v>0.3</v>
      </c>
      <c r="R30" s="228">
        <v>2.31</v>
      </c>
      <c r="S30" s="145" t="s">
        <v>110</v>
      </c>
    </row>
    <row r="31" spans="1:19" ht="13.5" customHeight="1" x14ac:dyDescent="0.15">
      <c r="A31" s="547"/>
      <c r="B31" s="150" t="s">
        <v>111</v>
      </c>
      <c r="C31" s="155" t="s">
        <v>22</v>
      </c>
      <c r="D31" s="152">
        <v>29163</v>
      </c>
      <c r="E31" s="153">
        <v>2500</v>
      </c>
      <c r="F31" s="223">
        <v>8.6</v>
      </c>
      <c r="G31" s="224">
        <v>1</v>
      </c>
      <c r="H31" s="225">
        <v>0.99</v>
      </c>
      <c r="I31" s="152">
        <v>17341</v>
      </c>
      <c r="J31" s="153">
        <v>300</v>
      </c>
      <c r="K31" s="223">
        <v>1.7</v>
      </c>
      <c r="L31" s="224">
        <v>0.56999999999999995</v>
      </c>
      <c r="M31" s="225">
        <v>0.35</v>
      </c>
      <c r="N31" s="152">
        <v>11822</v>
      </c>
      <c r="O31" s="153">
        <v>2200</v>
      </c>
      <c r="P31" s="223">
        <v>18.600000000000001</v>
      </c>
      <c r="Q31" s="224">
        <v>1.64</v>
      </c>
      <c r="R31" s="225">
        <v>1.92</v>
      </c>
      <c r="S31" s="150" t="s">
        <v>111</v>
      </c>
    </row>
    <row r="32" spans="1:19" ht="13.5" customHeight="1" x14ac:dyDescent="0.15">
      <c r="A32" s="547"/>
      <c r="B32" s="145" t="s">
        <v>112</v>
      </c>
      <c r="C32" s="146" t="s">
        <v>23</v>
      </c>
      <c r="D32" s="156">
        <v>17384</v>
      </c>
      <c r="E32" s="157">
        <v>1496</v>
      </c>
      <c r="F32" s="226">
        <v>8.6</v>
      </c>
      <c r="G32" s="227">
        <v>1.25</v>
      </c>
      <c r="H32" s="228">
        <v>0.28000000000000003</v>
      </c>
      <c r="I32" s="156">
        <v>13727</v>
      </c>
      <c r="J32" s="157">
        <v>453</v>
      </c>
      <c r="K32" s="226">
        <v>3.3</v>
      </c>
      <c r="L32" s="227">
        <v>1.59</v>
      </c>
      <c r="M32" s="228">
        <v>0.36</v>
      </c>
      <c r="N32" s="156">
        <v>3657</v>
      </c>
      <c r="O32" s="157">
        <v>1043</v>
      </c>
      <c r="P32" s="226">
        <v>28.5</v>
      </c>
      <c r="Q32" s="227">
        <v>0</v>
      </c>
      <c r="R32" s="228">
        <v>0</v>
      </c>
      <c r="S32" s="145" t="s">
        <v>112</v>
      </c>
    </row>
    <row r="33" spans="1:19" ht="13.5" customHeight="1" x14ac:dyDescent="0.15">
      <c r="A33" s="547"/>
      <c r="B33" s="150" t="s">
        <v>113</v>
      </c>
      <c r="C33" s="155" t="s">
        <v>24</v>
      </c>
      <c r="D33" s="152">
        <v>3265</v>
      </c>
      <c r="E33" s="153">
        <v>93</v>
      </c>
      <c r="F33" s="223">
        <v>2.8</v>
      </c>
      <c r="G33" s="224">
        <v>0.37</v>
      </c>
      <c r="H33" s="225">
        <v>0.79</v>
      </c>
      <c r="I33" s="152">
        <v>2629</v>
      </c>
      <c r="J33" s="153">
        <v>34</v>
      </c>
      <c r="K33" s="223">
        <v>1.3</v>
      </c>
      <c r="L33" s="224">
        <v>0.38</v>
      </c>
      <c r="M33" s="225">
        <v>0.91</v>
      </c>
      <c r="N33" s="152">
        <v>636</v>
      </c>
      <c r="O33" s="153">
        <v>59</v>
      </c>
      <c r="P33" s="223">
        <v>9.3000000000000007</v>
      </c>
      <c r="Q33" s="224">
        <v>0.31</v>
      </c>
      <c r="R33" s="225">
        <v>0.31</v>
      </c>
      <c r="S33" s="150" t="s">
        <v>113</v>
      </c>
    </row>
    <row r="34" spans="1:19" ht="13.5" customHeight="1" x14ac:dyDescent="0.15">
      <c r="A34" s="547"/>
      <c r="B34" s="145" t="s">
        <v>114</v>
      </c>
      <c r="C34" s="146" t="s">
        <v>25</v>
      </c>
      <c r="D34" s="156">
        <v>8712</v>
      </c>
      <c r="E34" s="157">
        <v>124</v>
      </c>
      <c r="F34" s="226">
        <v>1.4</v>
      </c>
      <c r="G34" s="227">
        <v>0.54</v>
      </c>
      <c r="H34" s="228">
        <v>1.75</v>
      </c>
      <c r="I34" s="156">
        <v>6867</v>
      </c>
      <c r="J34" s="157">
        <v>61</v>
      </c>
      <c r="K34" s="226">
        <v>0.9</v>
      </c>
      <c r="L34" s="227">
        <v>0.34</v>
      </c>
      <c r="M34" s="228">
        <v>1.88</v>
      </c>
      <c r="N34" s="156">
        <v>1845</v>
      </c>
      <c r="O34" s="157">
        <v>63</v>
      </c>
      <c r="P34" s="226">
        <v>3.4</v>
      </c>
      <c r="Q34" s="227">
        <v>1.3</v>
      </c>
      <c r="R34" s="228">
        <v>1.25</v>
      </c>
      <c r="S34" s="145" t="s">
        <v>114</v>
      </c>
    </row>
    <row r="35" spans="1:19" ht="13.5" customHeight="1" x14ac:dyDescent="0.15">
      <c r="A35" s="547"/>
      <c r="B35" s="150" t="s">
        <v>115</v>
      </c>
      <c r="C35" s="155" t="s">
        <v>26</v>
      </c>
      <c r="D35" s="152">
        <v>6960</v>
      </c>
      <c r="E35" s="153">
        <v>85</v>
      </c>
      <c r="F35" s="223">
        <v>1.2</v>
      </c>
      <c r="G35" s="224">
        <v>0.48</v>
      </c>
      <c r="H35" s="225">
        <v>0.03</v>
      </c>
      <c r="I35" s="152">
        <v>5973</v>
      </c>
      <c r="J35" s="153">
        <v>46</v>
      </c>
      <c r="K35" s="223">
        <v>0.8</v>
      </c>
      <c r="L35" s="224">
        <v>0.56000000000000005</v>
      </c>
      <c r="M35" s="225">
        <v>0.03</v>
      </c>
      <c r="N35" s="152">
        <v>987</v>
      </c>
      <c r="O35" s="153">
        <v>39</v>
      </c>
      <c r="P35" s="223">
        <v>4</v>
      </c>
      <c r="Q35" s="224">
        <v>0</v>
      </c>
      <c r="R35" s="225">
        <v>0</v>
      </c>
      <c r="S35" s="150" t="s">
        <v>115</v>
      </c>
    </row>
    <row r="36" spans="1:19" ht="13.5" customHeight="1" x14ac:dyDescent="0.15">
      <c r="A36" s="547"/>
      <c r="B36" s="145" t="s">
        <v>116</v>
      </c>
      <c r="C36" s="146" t="s">
        <v>27</v>
      </c>
      <c r="D36" s="156">
        <v>7330</v>
      </c>
      <c r="E36" s="157">
        <v>77</v>
      </c>
      <c r="F36" s="226">
        <v>1.1000000000000001</v>
      </c>
      <c r="G36" s="227">
        <v>4.58</v>
      </c>
      <c r="H36" s="228">
        <v>0</v>
      </c>
      <c r="I36" s="156">
        <v>6297</v>
      </c>
      <c r="J36" s="157">
        <v>20</v>
      </c>
      <c r="K36" s="226">
        <v>0.3</v>
      </c>
      <c r="L36" s="227">
        <v>4.5999999999999996</v>
      </c>
      <c r="M36" s="228">
        <v>0</v>
      </c>
      <c r="N36" s="156">
        <v>1033</v>
      </c>
      <c r="O36" s="157">
        <v>57</v>
      </c>
      <c r="P36" s="226">
        <v>5.5</v>
      </c>
      <c r="Q36" s="227">
        <v>4.45</v>
      </c>
      <c r="R36" s="228">
        <v>0</v>
      </c>
      <c r="S36" s="145" t="s">
        <v>116</v>
      </c>
    </row>
    <row r="37" spans="1:19" ht="13.5" customHeight="1" x14ac:dyDescent="0.15">
      <c r="A37" s="547"/>
      <c r="B37" s="150" t="s">
        <v>117</v>
      </c>
      <c r="C37" s="155" t="s">
        <v>28</v>
      </c>
      <c r="D37" s="152">
        <v>26455</v>
      </c>
      <c r="E37" s="153">
        <v>2032</v>
      </c>
      <c r="F37" s="223">
        <v>7.7</v>
      </c>
      <c r="G37" s="224">
        <v>0.32</v>
      </c>
      <c r="H37" s="225">
        <v>0.05</v>
      </c>
      <c r="I37" s="152">
        <v>18546</v>
      </c>
      <c r="J37" s="153">
        <v>502</v>
      </c>
      <c r="K37" s="223">
        <v>2.7</v>
      </c>
      <c r="L37" s="224">
        <v>0.04</v>
      </c>
      <c r="M37" s="225">
        <v>0.08</v>
      </c>
      <c r="N37" s="152">
        <v>7909</v>
      </c>
      <c r="O37" s="153">
        <v>1530</v>
      </c>
      <c r="P37" s="223">
        <v>19.3</v>
      </c>
      <c r="Q37" s="224">
        <v>1</v>
      </c>
      <c r="R37" s="225">
        <v>0</v>
      </c>
      <c r="S37" s="150" t="s">
        <v>117</v>
      </c>
    </row>
    <row r="38" spans="1:19" ht="13.5" customHeight="1" x14ac:dyDescent="0.15">
      <c r="A38" s="547"/>
      <c r="B38" s="145" t="s">
        <v>118</v>
      </c>
      <c r="C38" s="146" t="s">
        <v>29</v>
      </c>
      <c r="D38" s="156">
        <v>23804</v>
      </c>
      <c r="E38" s="157">
        <v>800</v>
      </c>
      <c r="F38" s="226">
        <v>3.4</v>
      </c>
      <c r="G38" s="227">
        <v>0.35</v>
      </c>
      <c r="H38" s="228">
        <v>0.46</v>
      </c>
      <c r="I38" s="156">
        <v>19675</v>
      </c>
      <c r="J38" s="157">
        <v>393</v>
      </c>
      <c r="K38" s="226">
        <v>2</v>
      </c>
      <c r="L38" s="227">
        <v>0.35</v>
      </c>
      <c r="M38" s="228">
        <v>0.38</v>
      </c>
      <c r="N38" s="156">
        <v>4129</v>
      </c>
      <c r="O38" s="157">
        <v>407</v>
      </c>
      <c r="P38" s="226">
        <v>9.9</v>
      </c>
      <c r="Q38" s="227">
        <v>0.36</v>
      </c>
      <c r="R38" s="228">
        <v>0.82</v>
      </c>
      <c r="S38" s="145" t="s">
        <v>118</v>
      </c>
    </row>
    <row r="39" spans="1:19" ht="13.5" customHeight="1" x14ac:dyDescent="0.15">
      <c r="A39" s="547"/>
      <c r="B39" s="150" t="s">
        <v>119</v>
      </c>
      <c r="C39" s="155" t="s">
        <v>30</v>
      </c>
      <c r="D39" s="152">
        <v>26712</v>
      </c>
      <c r="E39" s="153">
        <v>805</v>
      </c>
      <c r="F39" s="223">
        <v>3</v>
      </c>
      <c r="G39" s="224">
        <v>0.13</v>
      </c>
      <c r="H39" s="225">
        <v>0.66</v>
      </c>
      <c r="I39" s="152">
        <v>22571</v>
      </c>
      <c r="J39" s="153">
        <v>581</v>
      </c>
      <c r="K39" s="223">
        <v>2.6</v>
      </c>
      <c r="L39" s="224">
        <v>0.15</v>
      </c>
      <c r="M39" s="225">
        <v>0.38</v>
      </c>
      <c r="N39" s="152">
        <v>4141</v>
      </c>
      <c r="O39" s="153">
        <v>224</v>
      </c>
      <c r="P39" s="223">
        <v>5.4</v>
      </c>
      <c r="Q39" s="224">
        <v>0.05</v>
      </c>
      <c r="R39" s="225">
        <v>2.17</v>
      </c>
      <c r="S39" s="150" t="s">
        <v>119</v>
      </c>
    </row>
    <row r="40" spans="1:19" ht="13.5" customHeight="1" x14ac:dyDescent="0.15">
      <c r="A40" s="547"/>
      <c r="B40" s="145" t="s">
        <v>120</v>
      </c>
      <c r="C40" s="146" t="s">
        <v>31</v>
      </c>
      <c r="D40" s="156">
        <v>19069</v>
      </c>
      <c r="E40" s="157">
        <v>895</v>
      </c>
      <c r="F40" s="226">
        <v>4.7</v>
      </c>
      <c r="G40" s="227">
        <v>0.62</v>
      </c>
      <c r="H40" s="228">
        <v>2.09</v>
      </c>
      <c r="I40" s="156">
        <v>15218</v>
      </c>
      <c r="J40" s="157">
        <v>101</v>
      </c>
      <c r="K40" s="226">
        <v>0.7</v>
      </c>
      <c r="L40" s="227">
        <v>0.72</v>
      </c>
      <c r="M40" s="228">
        <v>2.54</v>
      </c>
      <c r="N40" s="156">
        <v>3851</v>
      </c>
      <c r="O40" s="157">
        <v>794</v>
      </c>
      <c r="P40" s="226">
        <v>20.6</v>
      </c>
      <c r="Q40" s="227">
        <v>0.23</v>
      </c>
      <c r="R40" s="228">
        <v>0.28999999999999998</v>
      </c>
      <c r="S40" s="145" t="s">
        <v>120</v>
      </c>
    </row>
    <row r="41" spans="1:19" ht="13.5" customHeight="1" x14ac:dyDescent="0.15">
      <c r="A41" s="547"/>
      <c r="B41" s="150" t="s">
        <v>121</v>
      </c>
      <c r="C41" s="155" t="s">
        <v>32</v>
      </c>
      <c r="D41" s="152">
        <v>19701</v>
      </c>
      <c r="E41" s="153">
        <v>1464</v>
      </c>
      <c r="F41" s="223">
        <v>7.4</v>
      </c>
      <c r="G41" s="224">
        <v>0.28999999999999998</v>
      </c>
      <c r="H41" s="225">
        <v>0.5</v>
      </c>
      <c r="I41" s="152">
        <v>14799</v>
      </c>
      <c r="J41" s="153">
        <v>96</v>
      </c>
      <c r="K41" s="223">
        <v>0.6</v>
      </c>
      <c r="L41" s="224">
        <v>0.38</v>
      </c>
      <c r="M41" s="225">
        <v>0.55000000000000004</v>
      </c>
      <c r="N41" s="152">
        <v>4902</v>
      </c>
      <c r="O41" s="153">
        <v>1368</v>
      </c>
      <c r="P41" s="223">
        <v>27.9</v>
      </c>
      <c r="Q41" s="224">
        <v>0.02</v>
      </c>
      <c r="R41" s="225">
        <v>0.35</v>
      </c>
      <c r="S41" s="150" t="s">
        <v>121</v>
      </c>
    </row>
    <row r="42" spans="1:19" ht="13.5" customHeight="1" x14ac:dyDescent="0.15">
      <c r="A42" s="547"/>
      <c r="B42" s="145" t="s">
        <v>122</v>
      </c>
      <c r="C42" s="146" t="s">
        <v>33</v>
      </c>
      <c r="D42" s="156">
        <v>24194</v>
      </c>
      <c r="E42" s="157">
        <v>2205</v>
      </c>
      <c r="F42" s="226">
        <v>9.1</v>
      </c>
      <c r="G42" s="227">
        <v>0.15</v>
      </c>
      <c r="H42" s="228">
        <v>0.11</v>
      </c>
      <c r="I42" s="156">
        <v>17730</v>
      </c>
      <c r="J42" s="157">
        <v>397</v>
      </c>
      <c r="K42" s="226">
        <v>2.2000000000000002</v>
      </c>
      <c r="L42" s="227">
        <v>0.14000000000000001</v>
      </c>
      <c r="M42" s="228">
        <v>0.15</v>
      </c>
      <c r="N42" s="156">
        <v>6464</v>
      </c>
      <c r="O42" s="157">
        <v>1808</v>
      </c>
      <c r="P42" s="226">
        <v>28</v>
      </c>
      <c r="Q42" s="227">
        <v>0.19</v>
      </c>
      <c r="R42" s="228">
        <v>0</v>
      </c>
      <c r="S42" s="145" t="s">
        <v>122</v>
      </c>
    </row>
    <row r="43" spans="1:19" ht="13.5" customHeight="1" x14ac:dyDescent="0.15">
      <c r="A43" s="547"/>
      <c r="B43" s="150" t="s">
        <v>123</v>
      </c>
      <c r="C43" s="155" t="s">
        <v>34</v>
      </c>
      <c r="D43" s="152">
        <v>25920</v>
      </c>
      <c r="E43" s="153">
        <v>592</v>
      </c>
      <c r="F43" s="223">
        <v>2.2999999999999998</v>
      </c>
      <c r="G43" s="224">
        <v>0.44</v>
      </c>
      <c r="H43" s="225">
        <v>0.62</v>
      </c>
      <c r="I43" s="152">
        <v>20623</v>
      </c>
      <c r="J43" s="153">
        <v>157</v>
      </c>
      <c r="K43" s="223">
        <v>0.8</v>
      </c>
      <c r="L43" s="224">
        <v>0.41</v>
      </c>
      <c r="M43" s="225">
        <v>0.56000000000000005</v>
      </c>
      <c r="N43" s="152">
        <v>5297</v>
      </c>
      <c r="O43" s="153">
        <v>435</v>
      </c>
      <c r="P43" s="223">
        <v>8.1999999999999993</v>
      </c>
      <c r="Q43" s="224">
        <v>0.56000000000000005</v>
      </c>
      <c r="R43" s="225">
        <v>0.87</v>
      </c>
      <c r="S43" s="150" t="s">
        <v>123</v>
      </c>
    </row>
    <row r="44" spans="1:19" ht="13.5" customHeight="1" x14ac:dyDescent="0.15">
      <c r="A44" s="547"/>
      <c r="B44" s="145" t="s">
        <v>124</v>
      </c>
      <c r="C44" s="146" t="s">
        <v>35</v>
      </c>
      <c r="D44" s="156">
        <v>64644</v>
      </c>
      <c r="E44" s="157">
        <v>3562</v>
      </c>
      <c r="F44" s="226">
        <v>5.5</v>
      </c>
      <c r="G44" s="227">
        <v>0.82</v>
      </c>
      <c r="H44" s="228">
        <v>1.1000000000000001</v>
      </c>
      <c r="I44" s="156">
        <v>56425</v>
      </c>
      <c r="J44" s="157">
        <v>2124</v>
      </c>
      <c r="K44" s="226">
        <v>3.8</v>
      </c>
      <c r="L44" s="227">
        <v>0.74</v>
      </c>
      <c r="M44" s="228">
        <v>1.08</v>
      </c>
      <c r="N44" s="156">
        <v>8219</v>
      </c>
      <c r="O44" s="157">
        <v>1438</v>
      </c>
      <c r="P44" s="226">
        <v>17.5</v>
      </c>
      <c r="Q44" s="227">
        <v>1.38</v>
      </c>
      <c r="R44" s="228">
        <v>1.18</v>
      </c>
      <c r="S44" s="145" t="s">
        <v>124</v>
      </c>
    </row>
    <row r="45" spans="1:19" ht="7.5" customHeight="1" x14ac:dyDescent="0.15">
      <c r="A45" s="547"/>
      <c r="B45" s="150"/>
      <c r="C45" s="155"/>
      <c r="D45" s="152"/>
      <c r="E45" s="153"/>
      <c r="F45" s="223"/>
      <c r="G45" s="224"/>
      <c r="H45" s="225"/>
      <c r="I45" s="152"/>
      <c r="J45" s="153"/>
      <c r="K45" s="223"/>
      <c r="L45" s="224"/>
      <c r="M45" s="225"/>
      <c r="N45" s="152"/>
      <c r="O45" s="153"/>
      <c r="P45" s="223"/>
      <c r="Q45" s="224"/>
      <c r="R45" s="225"/>
      <c r="S45" s="150"/>
    </row>
    <row r="46" spans="1:19" ht="13.5" customHeight="1" x14ac:dyDescent="0.15">
      <c r="A46" s="547"/>
      <c r="B46" s="150" t="s">
        <v>125</v>
      </c>
      <c r="C46" s="155" t="s">
        <v>36</v>
      </c>
      <c r="D46" s="152">
        <v>4635</v>
      </c>
      <c r="E46" s="153">
        <v>450</v>
      </c>
      <c r="F46" s="223">
        <v>9.6999999999999993</v>
      </c>
      <c r="G46" s="224">
        <v>0.43</v>
      </c>
      <c r="H46" s="225">
        <v>1.47</v>
      </c>
      <c r="I46" s="152">
        <v>3230</v>
      </c>
      <c r="J46" s="153">
        <v>301</v>
      </c>
      <c r="K46" s="223">
        <v>9.3000000000000007</v>
      </c>
      <c r="L46" s="224">
        <v>0.31</v>
      </c>
      <c r="M46" s="225">
        <v>0</v>
      </c>
      <c r="N46" s="152">
        <v>1405</v>
      </c>
      <c r="O46" s="153">
        <v>149</v>
      </c>
      <c r="P46" s="223">
        <v>10.6</v>
      </c>
      <c r="Q46" s="235">
        <v>0.68</v>
      </c>
      <c r="R46" s="225">
        <v>4.71</v>
      </c>
      <c r="S46" s="150" t="s">
        <v>125</v>
      </c>
    </row>
    <row r="47" spans="1:19" ht="13.5" customHeight="1" thickBot="1" x14ac:dyDescent="0.2">
      <c r="A47" s="547"/>
      <c r="B47" s="165" t="s">
        <v>126</v>
      </c>
      <c r="C47" s="166" t="s">
        <v>37</v>
      </c>
      <c r="D47" s="167">
        <v>243325</v>
      </c>
      <c r="E47" s="168">
        <v>69664</v>
      </c>
      <c r="F47" s="236">
        <v>28.6</v>
      </c>
      <c r="G47" s="237">
        <v>1.23</v>
      </c>
      <c r="H47" s="238">
        <v>1.1599999999999999</v>
      </c>
      <c r="I47" s="167">
        <v>68205</v>
      </c>
      <c r="J47" s="168">
        <v>12098</v>
      </c>
      <c r="K47" s="236">
        <v>17.7</v>
      </c>
      <c r="L47" s="237">
        <v>0.73</v>
      </c>
      <c r="M47" s="238">
        <v>1.58</v>
      </c>
      <c r="N47" s="167">
        <v>175120</v>
      </c>
      <c r="O47" s="168">
        <v>57566</v>
      </c>
      <c r="P47" s="236">
        <v>32.9</v>
      </c>
      <c r="Q47" s="237">
        <v>1.43</v>
      </c>
      <c r="R47" s="238">
        <v>0.99</v>
      </c>
      <c r="S47" s="165" t="s">
        <v>126</v>
      </c>
    </row>
    <row r="48" spans="1:19" ht="11.25" customHeight="1" x14ac:dyDescent="0.15">
      <c r="D48" s="239"/>
      <c r="E48" s="239"/>
      <c r="F48" s="240"/>
      <c r="G48" s="241"/>
      <c r="H48" s="241"/>
      <c r="I48" s="242"/>
      <c r="J48" s="242"/>
      <c r="K48" s="243"/>
      <c r="M48" s="241"/>
      <c r="N48" s="242"/>
      <c r="O48" s="242"/>
      <c r="P48" s="243"/>
    </row>
    <row r="49" spans="4:16" ht="11.25" customHeight="1" x14ac:dyDescent="0.15">
      <c r="D49" s="242"/>
      <c r="E49" s="242"/>
      <c r="F49" s="243"/>
      <c r="I49" s="242"/>
      <c r="J49" s="242"/>
      <c r="K49" s="243"/>
      <c r="N49" s="242"/>
      <c r="O49" s="242"/>
      <c r="P49" s="243"/>
    </row>
  </sheetData>
  <mergeCells count="21">
    <mergeCell ref="Q5:R5"/>
    <mergeCell ref="G6:G7"/>
    <mergeCell ref="H6:H7"/>
    <mergeCell ref="L6:L7"/>
    <mergeCell ref="M6:M7"/>
    <mergeCell ref="D5:D7"/>
    <mergeCell ref="Q6:Q7"/>
    <mergeCell ref="A1:A47"/>
    <mergeCell ref="B1:S1"/>
    <mergeCell ref="B2:G2"/>
    <mergeCell ref="O2:S2"/>
    <mergeCell ref="B3:C7"/>
    <mergeCell ref="D3:H4"/>
    <mergeCell ref="I3:M4"/>
    <mergeCell ref="N3:R4"/>
    <mergeCell ref="S3:S7"/>
    <mergeCell ref="R6:R7"/>
    <mergeCell ref="G5:H5"/>
    <mergeCell ref="I5:I7"/>
    <mergeCell ref="L5:M5"/>
    <mergeCell ref="N5:N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FFD811-A853-4040-BA55-B2C423E480D2}">
  <sheetPr codeName="Sheet13">
    <tabColor indexed="52"/>
  </sheetPr>
  <dimension ref="A1:T48"/>
  <sheetViews>
    <sheetView view="pageBreakPreview" zoomScaleNormal="80" zoomScaleSheetLayoutView="100" workbookViewId="0">
      <selection sqref="A1:A47"/>
    </sheetView>
  </sheetViews>
  <sheetFormatPr defaultColWidth="9" defaultRowHeight="13.5" x14ac:dyDescent="0.15"/>
  <cols>
    <col min="1" max="1" width="5" style="38" customWidth="1"/>
    <col min="2" max="2" width="6.625" style="172" customWidth="1"/>
    <col min="3" max="3" width="22.5" style="38" customWidth="1"/>
    <col min="4" max="4" width="9.125" style="36" customWidth="1"/>
    <col min="5" max="5" width="8.625" style="38" customWidth="1"/>
    <col min="6" max="8" width="5.5" style="38" customWidth="1"/>
    <col min="9" max="9" width="9.125" style="38" customWidth="1"/>
    <col min="10" max="10" width="8.625" style="38" customWidth="1"/>
    <col min="11" max="13" width="5.5" style="38" customWidth="1"/>
    <col min="14" max="14" width="9.125" style="38" customWidth="1"/>
    <col min="15" max="15" width="8.625" style="38" customWidth="1"/>
    <col min="16" max="18" width="5.5" style="38" customWidth="1"/>
    <col min="19" max="19" width="6.625" style="38" customWidth="1"/>
  </cols>
  <sheetData>
    <row r="1" spans="1:20" ht="22.5" customHeight="1" x14ac:dyDescent="0.15">
      <c r="A1" s="547" t="s">
        <v>154</v>
      </c>
      <c r="B1" s="490" t="s">
        <v>155</v>
      </c>
      <c r="C1" s="490"/>
      <c r="D1" s="490"/>
      <c r="E1" s="490"/>
      <c r="F1" s="490"/>
      <c r="G1" s="490"/>
      <c r="H1" s="490"/>
      <c r="I1" s="490"/>
      <c r="J1" s="490"/>
      <c r="K1" s="490"/>
      <c r="L1" s="490"/>
      <c r="M1" s="490"/>
      <c r="N1" s="490"/>
      <c r="O1" s="490"/>
      <c r="P1" s="490"/>
      <c r="Q1" s="490"/>
      <c r="R1" s="490"/>
      <c r="S1" s="490"/>
      <c r="T1" s="3"/>
    </row>
    <row r="2" spans="1:20" ht="11.25" customHeight="1" thickBot="1" x14ac:dyDescent="0.2">
      <c r="A2" s="547"/>
      <c r="B2" s="548" t="s">
        <v>129</v>
      </c>
      <c r="C2" s="548"/>
      <c r="D2" s="548"/>
      <c r="E2" s="548"/>
      <c r="F2" s="548"/>
      <c r="G2" s="548"/>
      <c r="H2" s="129"/>
      <c r="O2" s="549" t="s">
        <v>143</v>
      </c>
      <c r="P2" s="549"/>
      <c r="Q2" s="549"/>
      <c r="R2" s="549"/>
      <c r="S2" s="549"/>
    </row>
    <row r="3" spans="1:20" ht="8.25" customHeight="1" x14ac:dyDescent="0.15">
      <c r="A3" s="547"/>
      <c r="B3" s="492" t="s">
        <v>80</v>
      </c>
      <c r="C3" s="519"/>
      <c r="D3" s="491" t="s">
        <v>81</v>
      </c>
      <c r="E3" s="550"/>
      <c r="F3" s="550"/>
      <c r="G3" s="550"/>
      <c r="H3" s="574"/>
      <c r="I3" s="491" t="s">
        <v>144</v>
      </c>
      <c r="J3" s="492"/>
      <c r="K3" s="492"/>
      <c r="L3" s="492"/>
      <c r="M3" s="519"/>
      <c r="N3" s="491" t="s">
        <v>145</v>
      </c>
      <c r="O3" s="550"/>
      <c r="P3" s="550"/>
      <c r="Q3" s="550"/>
      <c r="R3" s="574"/>
      <c r="S3" s="491" t="s">
        <v>84</v>
      </c>
    </row>
    <row r="4" spans="1:20" ht="8.25" customHeight="1" x14ac:dyDescent="0.15">
      <c r="A4" s="547"/>
      <c r="B4" s="494"/>
      <c r="C4" s="520"/>
      <c r="D4" s="575"/>
      <c r="E4" s="551"/>
      <c r="F4" s="551"/>
      <c r="G4" s="551"/>
      <c r="H4" s="576"/>
      <c r="I4" s="560"/>
      <c r="J4" s="521"/>
      <c r="K4" s="521"/>
      <c r="L4" s="521"/>
      <c r="M4" s="522"/>
      <c r="N4" s="560"/>
      <c r="O4" s="551"/>
      <c r="P4" s="551"/>
      <c r="Q4" s="551"/>
      <c r="R4" s="576"/>
      <c r="S4" s="493"/>
    </row>
    <row r="5" spans="1:20" ht="13.5" customHeight="1" x14ac:dyDescent="0.15">
      <c r="A5" s="547"/>
      <c r="B5" s="494"/>
      <c r="C5" s="520"/>
      <c r="D5" s="572" t="s">
        <v>146</v>
      </c>
      <c r="E5" s="218"/>
      <c r="F5" s="219"/>
      <c r="G5" s="577" t="s">
        <v>147</v>
      </c>
      <c r="H5" s="578"/>
      <c r="I5" s="572" t="s">
        <v>146</v>
      </c>
      <c r="J5" s="6"/>
      <c r="K5" s="7"/>
      <c r="L5" s="577" t="s">
        <v>147</v>
      </c>
      <c r="M5" s="578"/>
      <c r="N5" s="572" t="s">
        <v>146</v>
      </c>
      <c r="O5" s="6"/>
      <c r="P5" s="7"/>
      <c r="Q5" s="577" t="s">
        <v>147</v>
      </c>
      <c r="R5" s="578"/>
      <c r="S5" s="493"/>
    </row>
    <row r="6" spans="1:20" s="2" customFormat="1" ht="11.25" customHeight="1" x14ac:dyDescent="0.15">
      <c r="A6" s="547"/>
      <c r="B6" s="494"/>
      <c r="C6" s="520"/>
      <c r="D6" s="573"/>
      <c r="E6" s="144" t="s">
        <v>148</v>
      </c>
      <c r="F6" s="144" t="s">
        <v>149</v>
      </c>
      <c r="G6" s="552" t="s">
        <v>150</v>
      </c>
      <c r="H6" s="552" t="s">
        <v>151</v>
      </c>
      <c r="I6" s="573"/>
      <c r="J6" s="144" t="s">
        <v>148</v>
      </c>
      <c r="K6" s="144" t="s">
        <v>149</v>
      </c>
      <c r="L6" s="552" t="s">
        <v>150</v>
      </c>
      <c r="M6" s="552" t="s">
        <v>151</v>
      </c>
      <c r="N6" s="573"/>
      <c r="O6" s="144" t="s">
        <v>148</v>
      </c>
      <c r="P6" s="144" t="s">
        <v>149</v>
      </c>
      <c r="Q6" s="552" t="s">
        <v>150</v>
      </c>
      <c r="R6" s="552" t="s">
        <v>151</v>
      </c>
      <c r="S6" s="493"/>
    </row>
    <row r="7" spans="1:20" s="2" customFormat="1" ht="11.25" customHeight="1" x14ac:dyDescent="0.15">
      <c r="A7" s="547"/>
      <c r="B7" s="521"/>
      <c r="C7" s="522"/>
      <c r="D7" s="573"/>
      <c r="E7" s="144" t="s">
        <v>152</v>
      </c>
      <c r="F7" s="144" t="s">
        <v>153</v>
      </c>
      <c r="G7" s="553"/>
      <c r="H7" s="553"/>
      <c r="I7" s="573"/>
      <c r="J7" s="144" t="s">
        <v>152</v>
      </c>
      <c r="K7" s="144" t="s">
        <v>153</v>
      </c>
      <c r="L7" s="553"/>
      <c r="M7" s="553"/>
      <c r="N7" s="573"/>
      <c r="O7" s="144" t="s">
        <v>152</v>
      </c>
      <c r="P7" s="144" t="s">
        <v>153</v>
      </c>
      <c r="Q7" s="553"/>
      <c r="R7" s="553"/>
      <c r="S7" s="560"/>
    </row>
    <row r="8" spans="1:20" ht="13.5" customHeight="1" x14ac:dyDescent="0.15">
      <c r="A8" s="547"/>
      <c r="B8" s="145" t="s">
        <v>89</v>
      </c>
      <c r="C8" s="146" t="s">
        <v>90</v>
      </c>
      <c r="D8" s="174">
        <v>1910145</v>
      </c>
      <c r="E8" s="175">
        <v>540310</v>
      </c>
      <c r="F8" s="244">
        <v>28.3</v>
      </c>
      <c r="G8" s="245">
        <v>1.24</v>
      </c>
      <c r="H8" s="246">
        <v>1.28</v>
      </c>
      <c r="I8" s="174">
        <v>1098474</v>
      </c>
      <c r="J8" s="175">
        <v>170503</v>
      </c>
      <c r="K8" s="244">
        <v>15.5</v>
      </c>
      <c r="L8" s="245">
        <v>1.21</v>
      </c>
      <c r="M8" s="246">
        <v>1.1599999999999999</v>
      </c>
      <c r="N8" s="174">
        <v>811671</v>
      </c>
      <c r="O8" s="175">
        <v>369807</v>
      </c>
      <c r="P8" s="244">
        <v>45.6</v>
      </c>
      <c r="Q8" s="245">
        <v>1.29</v>
      </c>
      <c r="R8" s="246">
        <v>1.44</v>
      </c>
      <c r="S8" s="145" t="s">
        <v>89</v>
      </c>
    </row>
    <row r="9" spans="1:20" ht="7.5" customHeight="1" x14ac:dyDescent="0.15">
      <c r="A9" s="547"/>
      <c r="B9" s="150"/>
      <c r="C9" s="151"/>
      <c r="D9" s="162"/>
      <c r="E9" s="163"/>
      <c r="F9" s="232"/>
      <c r="G9" s="233"/>
      <c r="H9" s="234"/>
      <c r="I9" s="162"/>
      <c r="J9" s="163"/>
      <c r="K9" s="232"/>
      <c r="L9" s="233"/>
      <c r="M9" s="234"/>
      <c r="N9" s="162"/>
      <c r="O9" s="163"/>
      <c r="P9" s="232"/>
      <c r="Q9" s="233"/>
      <c r="R9" s="234"/>
      <c r="S9" s="150"/>
    </row>
    <row r="10" spans="1:20" ht="13.5" customHeight="1" x14ac:dyDescent="0.15">
      <c r="A10" s="547"/>
      <c r="B10" s="150" t="s">
        <v>91</v>
      </c>
      <c r="C10" s="155" t="s">
        <v>1</v>
      </c>
      <c r="D10" s="162">
        <v>51319</v>
      </c>
      <c r="E10" s="163">
        <v>535</v>
      </c>
      <c r="F10" s="232">
        <v>1</v>
      </c>
      <c r="G10" s="233">
        <v>0.23</v>
      </c>
      <c r="H10" s="234">
        <v>1.27</v>
      </c>
      <c r="I10" s="162">
        <v>44895</v>
      </c>
      <c r="J10" s="163">
        <v>124</v>
      </c>
      <c r="K10" s="232">
        <v>0.3</v>
      </c>
      <c r="L10" s="233">
        <v>0.23</v>
      </c>
      <c r="M10" s="234">
        <v>1.17</v>
      </c>
      <c r="N10" s="162">
        <v>6424</v>
      </c>
      <c r="O10" s="163">
        <v>411</v>
      </c>
      <c r="P10" s="232">
        <v>6.4</v>
      </c>
      <c r="Q10" s="233">
        <v>0.24</v>
      </c>
      <c r="R10" s="234">
        <v>2.02</v>
      </c>
      <c r="S10" s="150" t="s">
        <v>91</v>
      </c>
    </row>
    <row r="11" spans="1:20" ht="13.5" customHeight="1" x14ac:dyDescent="0.15">
      <c r="A11" s="547"/>
      <c r="B11" s="145" t="s">
        <v>92</v>
      </c>
      <c r="C11" s="146" t="s">
        <v>2</v>
      </c>
      <c r="D11" s="159">
        <v>315082</v>
      </c>
      <c r="E11" s="160">
        <v>39043</v>
      </c>
      <c r="F11" s="229">
        <v>12.4</v>
      </c>
      <c r="G11" s="230">
        <v>0.92</v>
      </c>
      <c r="H11" s="231">
        <v>0.8</v>
      </c>
      <c r="I11" s="159">
        <v>233664</v>
      </c>
      <c r="J11" s="160">
        <v>11410</v>
      </c>
      <c r="K11" s="229">
        <v>4.9000000000000004</v>
      </c>
      <c r="L11" s="230">
        <v>0.84</v>
      </c>
      <c r="M11" s="231">
        <v>0.75</v>
      </c>
      <c r="N11" s="159">
        <v>81418</v>
      </c>
      <c r="O11" s="160">
        <v>27633</v>
      </c>
      <c r="P11" s="229">
        <v>33.9</v>
      </c>
      <c r="Q11" s="230">
        <v>1.1299999999999999</v>
      </c>
      <c r="R11" s="231">
        <v>0.94</v>
      </c>
      <c r="S11" s="145" t="s">
        <v>92</v>
      </c>
    </row>
    <row r="12" spans="1:20" ht="13.5" customHeight="1" x14ac:dyDescent="0.15">
      <c r="A12" s="547"/>
      <c r="B12" s="150" t="s">
        <v>93</v>
      </c>
      <c r="C12" s="155" t="s">
        <v>3</v>
      </c>
      <c r="D12" s="162">
        <v>10257</v>
      </c>
      <c r="E12" s="163">
        <v>368</v>
      </c>
      <c r="F12" s="232">
        <v>3.6</v>
      </c>
      <c r="G12" s="233">
        <v>0</v>
      </c>
      <c r="H12" s="234">
        <v>0.18</v>
      </c>
      <c r="I12" s="162">
        <v>9078</v>
      </c>
      <c r="J12" s="163">
        <v>207</v>
      </c>
      <c r="K12" s="232">
        <v>2.2999999999999998</v>
      </c>
      <c r="L12" s="233">
        <v>0</v>
      </c>
      <c r="M12" s="234">
        <v>0.21</v>
      </c>
      <c r="N12" s="162">
        <v>1179</v>
      </c>
      <c r="O12" s="163">
        <v>161</v>
      </c>
      <c r="P12" s="232">
        <v>13.7</v>
      </c>
      <c r="Q12" s="233">
        <v>0</v>
      </c>
      <c r="R12" s="234">
        <v>0</v>
      </c>
      <c r="S12" s="150" t="s">
        <v>93</v>
      </c>
    </row>
    <row r="13" spans="1:20" ht="13.5" customHeight="1" x14ac:dyDescent="0.15">
      <c r="A13" s="547"/>
      <c r="B13" s="145" t="s">
        <v>94</v>
      </c>
      <c r="C13" s="146" t="s">
        <v>4</v>
      </c>
      <c r="D13" s="159">
        <v>88010</v>
      </c>
      <c r="E13" s="160">
        <v>4116</v>
      </c>
      <c r="F13" s="229">
        <v>4.7</v>
      </c>
      <c r="G13" s="230">
        <v>2.78</v>
      </c>
      <c r="H13" s="231">
        <v>1.76</v>
      </c>
      <c r="I13" s="159">
        <v>68229</v>
      </c>
      <c r="J13" s="160">
        <v>1862</v>
      </c>
      <c r="K13" s="229">
        <v>2.7</v>
      </c>
      <c r="L13" s="230">
        <v>2.79</v>
      </c>
      <c r="M13" s="231">
        <v>0.78</v>
      </c>
      <c r="N13" s="159">
        <v>19781</v>
      </c>
      <c r="O13" s="160">
        <v>2254</v>
      </c>
      <c r="P13" s="229">
        <v>11.4</v>
      </c>
      <c r="Q13" s="230">
        <v>2.75</v>
      </c>
      <c r="R13" s="231">
        <v>5</v>
      </c>
      <c r="S13" s="145" t="s">
        <v>94</v>
      </c>
    </row>
    <row r="14" spans="1:20" ht="13.5" customHeight="1" x14ac:dyDescent="0.15">
      <c r="A14" s="547"/>
      <c r="B14" s="150" t="s">
        <v>95</v>
      </c>
      <c r="C14" s="155" t="s">
        <v>5</v>
      </c>
      <c r="D14" s="162">
        <v>147643</v>
      </c>
      <c r="E14" s="163">
        <v>40480</v>
      </c>
      <c r="F14" s="232">
        <v>27.4</v>
      </c>
      <c r="G14" s="233">
        <v>0.93</v>
      </c>
      <c r="H14" s="234">
        <v>1.75</v>
      </c>
      <c r="I14" s="162">
        <v>107606</v>
      </c>
      <c r="J14" s="163">
        <v>16276</v>
      </c>
      <c r="K14" s="232">
        <v>15.1</v>
      </c>
      <c r="L14" s="233">
        <v>0.96</v>
      </c>
      <c r="M14" s="234">
        <v>1.59</v>
      </c>
      <c r="N14" s="162">
        <v>40037</v>
      </c>
      <c r="O14" s="163">
        <v>24204</v>
      </c>
      <c r="P14" s="232">
        <v>60.5</v>
      </c>
      <c r="Q14" s="233">
        <v>0.85</v>
      </c>
      <c r="R14" s="234">
        <v>2.21</v>
      </c>
      <c r="S14" s="150" t="s">
        <v>95</v>
      </c>
    </row>
    <row r="15" spans="1:20" ht="13.5" customHeight="1" x14ac:dyDescent="0.15">
      <c r="A15" s="547"/>
      <c r="B15" s="145" t="s">
        <v>96</v>
      </c>
      <c r="C15" s="146" t="s">
        <v>6</v>
      </c>
      <c r="D15" s="159">
        <v>265954</v>
      </c>
      <c r="E15" s="160">
        <v>135777</v>
      </c>
      <c r="F15" s="229">
        <v>51.1</v>
      </c>
      <c r="G15" s="230">
        <v>1</v>
      </c>
      <c r="H15" s="231">
        <v>1.1000000000000001</v>
      </c>
      <c r="I15" s="159">
        <v>124854</v>
      </c>
      <c r="J15" s="160">
        <v>31029</v>
      </c>
      <c r="K15" s="229">
        <v>24.9</v>
      </c>
      <c r="L15" s="230">
        <v>0.94</v>
      </c>
      <c r="M15" s="231">
        <v>0.91</v>
      </c>
      <c r="N15" s="159">
        <v>141100</v>
      </c>
      <c r="O15" s="160">
        <v>104748</v>
      </c>
      <c r="P15" s="229">
        <v>74.2</v>
      </c>
      <c r="Q15" s="230">
        <v>1.04</v>
      </c>
      <c r="R15" s="231">
        <v>1.27</v>
      </c>
      <c r="S15" s="145" t="s">
        <v>96</v>
      </c>
    </row>
    <row r="16" spans="1:20" ht="13.5" customHeight="1" x14ac:dyDescent="0.15">
      <c r="A16" s="547"/>
      <c r="B16" s="150" t="s">
        <v>97</v>
      </c>
      <c r="C16" s="155" t="s">
        <v>7</v>
      </c>
      <c r="D16" s="162">
        <v>25185</v>
      </c>
      <c r="E16" s="163">
        <v>4293</v>
      </c>
      <c r="F16" s="232">
        <v>17</v>
      </c>
      <c r="G16" s="233">
        <v>0.92</v>
      </c>
      <c r="H16" s="234">
        <v>0.33</v>
      </c>
      <c r="I16" s="162">
        <v>10657</v>
      </c>
      <c r="J16" s="163">
        <v>170</v>
      </c>
      <c r="K16" s="232">
        <v>1.6</v>
      </c>
      <c r="L16" s="233">
        <v>0.39</v>
      </c>
      <c r="M16" s="234">
        <v>0.24</v>
      </c>
      <c r="N16" s="162">
        <v>14528</v>
      </c>
      <c r="O16" s="163">
        <v>4123</v>
      </c>
      <c r="P16" s="232">
        <v>28.4</v>
      </c>
      <c r="Q16" s="233">
        <v>1.31</v>
      </c>
      <c r="R16" s="234">
        <v>0.39</v>
      </c>
      <c r="S16" s="150" t="s">
        <v>97</v>
      </c>
    </row>
    <row r="17" spans="1:19" ht="13.5" customHeight="1" x14ac:dyDescent="0.15">
      <c r="A17" s="547"/>
      <c r="B17" s="145" t="s">
        <v>98</v>
      </c>
      <c r="C17" s="146" t="s">
        <v>8</v>
      </c>
      <c r="D17" s="159">
        <v>24756</v>
      </c>
      <c r="E17" s="160">
        <v>10230</v>
      </c>
      <c r="F17" s="229">
        <v>41.3</v>
      </c>
      <c r="G17" s="230">
        <v>1.32</v>
      </c>
      <c r="H17" s="231">
        <v>1.28</v>
      </c>
      <c r="I17" s="159">
        <v>15835</v>
      </c>
      <c r="J17" s="160">
        <v>5516</v>
      </c>
      <c r="K17" s="229">
        <v>34.799999999999997</v>
      </c>
      <c r="L17" s="230">
        <v>1.33</v>
      </c>
      <c r="M17" s="231">
        <v>1.24</v>
      </c>
      <c r="N17" s="159">
        <v>8921</v>
      </c>
      <c r="O17" s="160">
        <v>4714</v>
      </c>
      <c r="P17" s="229">
        <v>52.8</v>
      </c>
      <c r="Q17" s="230">
        <v>1.3</v>
      </c>
      <c r="R17" s="231">
        <v>1.37</v>
      </c>
      <c r="S17" s="145" t="s">
        <v>98</v>
      </c>
    </row>
    <row r="18" spans="1:19" ht="13.5" customHeight="1" x14ac:dyDescent="0.15">
      <c r="A18" s="547"/>
      <c r="B18" s="150" t="s">
        <v>99</v>
      </c>
      <c r="C18" s="155" t="s">
        <v>9</v>
      </c>
      <c r="D18" s="162">
        <v>116390</v>
      </c>
      <c r="E18" s="163">
        <v>5554</v>
      </c>
      <c r="F18" s="232">
        <v>4.8</v>
      </c>
      <c r="G18" s="233">
        <v>0.5</v>
      </c>
      <c r="H18" s="234">
        <v>0.79</v>
      </c>
      <c r="I18" s="162">
        <v>89963</v>
      </c>
      <c r="J18" s="163">
        <v>2745</v>
      </c>
      <c r="K18" s="232">
        <v>3.1</v>
      </c>
      <c r="L18" s="233">
        <v>0.49</v>
      </c>
      <c r="M18" s="234">
        <v>0.77</v>
      </c>
      <c r="N18" s="162">
        <v>26427</v>
      </c>
      <c r="O18" s="163">
        <v>2809</v>
      </c>
      <c r="P18" s="232">
        <v>10.6</v>
      </c>
      <c r="Q18" s="233">
        <v>0.54</v>
      </c>
      <c r="R18" s="234">
        <v>0.85</v>
      </c>
      <c r="S18" s="150" t="s">
        <v>99</v>
      </c>
    </row>
    <row r="19" spans="1:19" ht="13.5" customHeight="1" x14ac:dyDescent="0.15">
      <c r="A19" s="547"/>
      <c r="B19" s="145" t="s">
        <v>100</v>
      </c>
      <c r="C19" s="146" t="s">
        <v>10</v>
      </c>
      <c r="D19" s="159">
        <v>96062</v>
      </c>
      <c r="E19" s="160">
        <v>71618</v>
      </c>
      <c r="F19" s="229">
        <v>74.599999999999994</v>
      </c>
      <c r="G19" s="230">
        <v>3.73</v>
      </c>
      <c r="H19" s="231">
        <v>3.68</v>
      </c>
      <c r="I19" s="159">
        <v>38285</v>
      </c>
      <c r="J19" s="160">
        <v>24206</v>
      </c>
      <c r="K19" s="229">
        <v>63.2</v>
      </c>
      <c r="L19" s="230">
        <v>5.9</v>
      </c>
      <c r="M19" s="231">
        <v>4.95</v>
      </c>
      <c r="N19" s="159">
        <v>57777</v>
      </c>
      <c r="O19" s="160">
        <v>47412</v>
      </c>
      <c r="P19" s="229">
        <v>82.1</v>
      </c>
      <c r="Q19" s="230">
        <v>2.31</v>
      </c>
      <c r="R19" s="231">
        <v>2.85</v>
      </c>
      <c r="S19" s="145" t="s">
        <v>100</v>
      </c>
    </row>
    <row r="20" spans="1:19" ht="13.5" customHeight="1" x14ac:dyDescent="0.15">
      <c r="A20" s="547"/>
      <c r="B20" s="150" t="s">
        <v>101</v>
      </c>
      <c r="C20" s="155" t="s">
        <v>11</v>
      </c>
      <c r="D20" s="162">
        <v>49049</v>
      </c>
      <c r="E20" s="163">
        <v>22311</v>
      </c>
      <c r="F20" s="232">
        <v>45.5</v>
      </c>
      <c r="G20" s="233">
        <v>1.6</v>
      </c>
      <c r="H20" s="234">
        <v>1.25</v>
      </c>
      <c r="I20" s="162">
        <v>21956</v>
      </c>
      <c r="J20" s="163">
        <v>7935</v>
      </c>
      <c r="K20" s="232">
        <v>36.1</v>
      </c>
      <c r="L20" s="233">
        <v>1.86</v>
      </c>
      <c r="M20" s="234">
        <v>1</v>
      </c>
      <c r="N20" s="162">
        <v>27093</v>
      </c>
      <c r="O20" s="163">
        <v>14376</v>
      </c>
      <c r="P20" s="232">
        <v>53.1</v>
      </c>
      <c r="Q20" s="233">
        <v>1.39</v>
      </c>
      <c r="R20" s="234">
        <v>1.45</v>
      </c>
      <c r="S20" s="150" t="s">
        <v>101</v>
      </c>
    </row>
    <row r="21" spans="1:19" ht="13.5" customHeight="1" x14ac:dyDescent="0.15">
      <c r="A21" s="547"/>
      <c r="B21" s="145" t="s">
        <v>102</v>
      </c>
      <c r="C21" s="146" t="s">
        <v>12</v>
      </c>
      <c r="D21" s="159">
        <v>157976</v>
      </c>
      <c r="E21" s="160">
        <v>43340</v>
      </c>
      <c r="F21" s="229">
        <v>27.4</v>
      </c>
      <c r="G21" s="230">
        <v>1.17</v>
      </c>
      <c r="H21" s="231">
        <v>0.46</v>
      </c>
      <c r="I21" s="159">
        <v>81142</v>
      </c>
      <c r="J21" s="160">
        <v>19575</v>
      </c>
      <c r="K21" s="229">
        <v>24.1</v>
      </c>
      <c r="L21" s="230">
        <v>0.95</v>
      </c>
      <c r="M21" s="231">
        <v>0.31</v>
      </c>
      <c r="N21" s="159">
        <v>76834</v>
      </c>
      <c r="O21" s="160">
        <v>23765</v>
      </c>
      <c r="P21" s="229">
        <v>30.9</v>
      </c>
      <c r="Q21" s="230">
        <v>1.4</v>
      </c>
      <c r="R21" s="231">
        <v>0.63</v>
      </c>
      <c r="S21" s="145" t="s">
        <v>102</v>
      </c>
    </row>
    <row r="22" spans="1:19" ht="13.5" customHeight="1" x14ac:dyDescent="0.15">
      <c r="A22" s="547"/>
      <c r="B22" s="150" t="s">
        <v>103</v>
      </c>
      <c r="C22" s="155" t="s">
        <v>13</v>
      </c>
      <c r="D22" s="162">
        <v>321183</v>
      </c>
      <c r="E22" s="163">
        <v>102087</v>
      </c>
      <c r="F22" s="232">
        <v>31.8</v>
      </c>
      <c r="G22" s="233">
        <v>0.61</v>
      </c>
      <c r="H22" s="234">
        <v>0.79</v>
      </c>
      <c r="I22" s="162">
        <v>103070</v>
      </c>
      <c r="J22" s="163">
        <v>24913</v>
      </c>
      <c r="K22" s="232">
        <v>24.2</v>
      </c>
      <c r="L22" s="233">
        <v>0.37</v>
      </c>
      <c r="M22" s="234">
        <v>1.03</v>
      </c>
      <c r="N22" s="162">
        <v>218113</v>
      </c>
      <c r="O22" s="163">
        <v>77174</v>
      </c>
      <c r="P22" s="232">
        <v>35.4</v>
      </c>
      <c r="Q22" s="233">
        <v>0.73</v>
      </c>
      <c r="R22" s="234">
        <v>0.67</v>
      </c>
      <c r="S22" s="150" t="s">
        <v>103</v>
      </c>
    </row>
    <row r="23" spans="1:19" ht="13.5" customHeight="1" x14ac:dyDescent="0.15">
      <c r="A23" s="547"/>
      <c r="B23" s="145" t="s">
        <v>104</v>
      </c>
      <c r="C23" s="146" t="s">
        <v>14</v>
      </c>
      <c r="D23" s="159">
        <v>5776</v>
      </c>
      <c r="E23" s="160">
        <v>1300</v>
      </c>
      <c r="F23" s="229">
        <v>22.5</v>
      </c>
      <c r="G23" s="230">
        <v>0.05</v>
      </c>
      <c r="H23" s="231">
        <v>0.05</v>
      </c>
      <c r="I23" s="159">
        <v>3933</v>
      </c>
      <c r="J23" s="160">
        <v>263</v>
      </c>
      <c r="K23" s="229">
        <v>6.7</v>
      </c>
      <c r="L23" s="230">
        <v>0.03</v>
      </c>
      <c r="M23" s="231">
        <v>0.03</v>
      </c>
      <c r="N23" s="159">
        <v>1843</v>
      </c>
      <c r="O23" s="160">
        <v>1037</v>
      </c>
      <c r="P23" s="229">
        <v>56.3</v>
      </c>
      <c r="Q23" s="230">
        <v>0.11</v>
      </c>
      <c r="R23" s="231">
        <v>0.11</v>
      </c>
      <c r="S23" s="145" t="s">
        <v>104</v>
      </c>
    </row>
    <row r="24" spans="1:19" ht="13.5" customHeight="1" x14ac:dyDescent="0.15">
      <c r="A24" s="547"/>
      <c r="B24" s="150" t="s">
        <v>105</v>
      </c>
      <c r="C24" s="155" t="s">
        <v>15</v>
      </c>
      <c r="D24" s="162">
        <v>235503</v>
      </c>
      <c r="E24" s="163">
        <v>59258</v>
      </c>
      <c r="F24" s="232">
        <v>25.2</v>
      </c>
      <c r="G24" s="233">
        <v>2.11</v>
      </c>
      <c r="H24" s="234">
        <v>2.3199999999999998</v>
      </c>
      <c r="I24" s="162">
        <v>145307</v>
      </c>
      <c r="J24" s="163">
        <v>24272</v>
      </c>
      <c r="K24" s="232">
        <v>16.7</v>
      </c>
      <c r="L24" s="233">
        <v>1.8</v>
      </c>
      <c r="M24" s="234">
        <v>1.88</v>
      </c>
      <c r="N24" s="162">
        <v>90196</v>
      </c>
      <c r="O24" s="163">
        <v>34986</v>
      </c>
      <c r="P24" s="232">
        <v>38.799999999999997</v>
      </c>
      <c r="Q24" s="233">
        <v>2.61</v>
      </c>
      <c r="R24" s="234">
        <v>3.04</v>
      </c>
      <c r="S24" s="150" t="s">
        <v>105</v>
      </c>
    </row>
    <row r="25" spans="1:19" ht="7.5" customHeight="1" x14ac:dyDescent="0.15">
      <c r="A25" s="547"/>
      <c r="B25" s="150"/>
      <c r="C25" s="155"/>
      <c r="D25" s="162"/>
      <c r="E25" s="163"/>
      <c r="F25" s="232"/>
      <c r="G25" s="233"/>
      <c r="H25" s="234"/>
      <c r="I25" s="162"/>
      <c r="J25" s="163"/>
      <c r="K25" s="232"/>
      <c r="L25" s="233"/>
      <c r="M25" s="234"/>
      <c r="N25" s="162"/>
      <c r="O25" s="163"/>
      <c r="P25" s="232"/>
      <c r="Q25" s="233"/>
      <c r="R25" s="234"/>
      <c r="S25" s="150"/>
    </row>
    <row r="26" spans="1:19" ht="13.5" customHeight="1" x14ac:dyDescent="0.15">
      <c r="A26" s="547"/>
      <c r="B26" s="145" t="s">
        <v>106</v>
      </c>
      <c r="C26" s="146" t="s">
        <v>16</v>
      </c>
      <c r="D26" s="159">
        <v>47499</v>
      </c>
      <c r="E26" s="160">
        <v>26310</v>
      </c>
      <c r="F26" s="229">
        <v>55.4</v>
      </c>
      <c r="G26" s="230">
        <v>1.89</v>
      </c>
      <c r="H26" s="231">
        <v>1.26</v>
      </c>
      <c r="I26" s="159">
        <v>21425</v>
      </c>
      <c r="J26" s="160">
        <v>7004</v>
      </c>
      <c r="K26" s="229">
        <v>32.700000000000003</v>
      </c>
      <c r="L26" s="230">
        <v>2.42</v>
      </c>
      <c r="M26" s="231">
        <v>1.87</v>
      </c>
      <c r="N26" s="159">
        <v>26074</v>
      </c>
      <c r="O26" s="160">
        <v>19306</v>
      </c>
      <c r="P26" s="229">
        <v>74</v>
      </c>
      <c r="Q26" s="230">
        <v>1.46</v>
      </c>
      <c r="R26" s="231">
        <v>0.76</v>
      </c>
      <c r="S26" s="145" t="s">
        <v>106</v>
      </c>
    </row>
    <row r="27" spans="1:19" ht="13.5" customHeight="1" x14ac:dyDescent="0.15">
      <c r="A27" s="547"/>
      <c r="B27" s="150" t="s">
        <v>107</v>
      </c>
      <c r="C27" s="155" t="s">
        <v>17</v>
      </c>
      <c r="D27" s="162">
        <v>1489</v>
      </c>
      <c r="E27" s="163">
        <v>560</v>
      </c>
      <c r="F27" s="232">
        <v>37.6</v>
      </c>
      <c r="G27" s="233">
        <v>1.35</v>
      </c>
      <c r="H27" s="234">
        <v>0.81</v>
      </c>
      <c r="I27" s="162">
        <v>525</v>
      </c>
      <c r="J27" s="163">
        <v>82</v>
      </c>
      <c r="K27" s="232">
        <v>15.6</v>
      </c>
      <c r="L27" s="233">
        <v>1.1399999999999999</v>
      </c>
      <c r="M27" s="234">
        <v>1.1399999999999999</v>
      </c>
      <c r="N27" s="162">
        <v>964</v>
      </c>
      <c r="O27" s="163">
        <v>478</v>
      </c>
      <c r="P27" s="232">
        <v>49.6</v>
      </c>
      <c r="Q27" s="233">
        <v>1.46</v>
      </c>
      <c r="R27" s="234">
        <v>0.63</v>
      </c>
      <c r="S27" s="150" t="s">
        <v>107</v>
      </c>
    </row>
    <row r="28" spans="1:19" ht="13.5" customHeight="1" x14ac:dyDescent="0.15">
      <c r="A28" s="547"/>
      <c r="B28" s="145" t="s">
        <v>108</v>
      </c>
      <c r="C28" s="146" t="s">
        <v>18</v>
      </c>
      <c r="D28" s="159" t="s">
        <v>19</v>
      </c>
      <c r="E28" s="160" t="s">
        <v>19</v>
      </c>
      <c r="F28" s="229" t="s">
        <v>19</v>
      </c>
      <c r="G28" s="230" t="s">
        <v>19</v>
      </c>
      <c r="H28" s="231" t="s">
        <v>19</v>
      </c>
      <c r="I28" s="159" t="s">
        <v>19</v>
      </c>
      <c r="J28" s="160" t="s">
        <v>19</v>
      </c>
      <c r="K28" s="229" t="s">
        <v>19</v>
      </c>
      <c r="L28" s="230" t="s">
        <v>19</v>
      </c>
      <c r="M28" s="231" t="s">
        <v>19</v>
      </c>
      <c r="N28" s="159" t="s">
        <v>19</v>
      </c>
      <c r="O28" s="160" t="s">
        <v>19</v>
      </c>
      <c r="P28" s="229" t="s">
        <v>19</v>
      </c>
      <c r="Q28" s="230" t="s">
        <v>19</v>
      </c>
      <c r="R28" s="231" t="s">
        <v>19</v>
      </c>
      <c r="S28" s="145" t="s">
        <v>108</v>
      </c>
    </row>
    <row r="29" spans="1:19" ht="13.5" customHeight="1" x14ac:dyDescent="0.15">
      <c r="A29" s="547"/>
      <c r="B29" s="150" t="s">
        <v>109</v>
      </c>
      <c r="C29" s="155" t="s">
        <v>20</v>
      </c>
      <c r="D29" s="162">
        <v>4129</v>
      </c>
      <c r="E29" s="163">
        <v>244</v>
      </c>
      <c r="F29" s="232">
        <v>5.9</v>
      </c>
      <c r="G29" s="233">
        <v>1.77</v>
      </c>
      <c r="H29" s="234">
        <v>0</v>
      </c>
      <c r="I29" s="162">
        <v>3176</v>
      </c>
      <c r="J29" s="163">
        <v>221</v>
      </c>
      <c r="K29" s="232">
        <v>7</v>
      </c>
      <c r="L29" s="233">
        <v>1.76</v>
      </c>
      <c r="M29" s="234">
        <v>0</v>
      </c>
      <c r="N29" s="162">
        <v>953</v>
      </c>
      <c r="O29" s="163">
        <v>23</v>
      </c>
      <c r="P29" s="232">
        <v>2.4</v>
      </c>
      <c r="Q29" s="233">
        <v>1.82</v>
      </c>
      <c r="R29" s="234">
        <v>0</v>
      </c>
      <c r="S29" s="150" t="s">
        <v>109</v>
      </c>
    </row>
    <row r="30" spans="1:19" ht="13.5" customHeight="1" x14ac:dyDescent="0.15">
      <c r="A30" s="547"/>
      <c r="B30" s="145" t="s">
        <v>110</v>
      </c>
      <c r="C30" s="146" t="s">
        <v>21</v>
      </c>
      <c r="D30" s="159">
        <v>5141</v>
      </c>
      <c r="E30" s="160">
        <v>1241</v>
      </c>
      <c r="F30" s="229">
        <v>24.1</v>
      </c>
      <c r="G30" s="230">
        <v>0.15</v>
      </c>
      <c r="H30" s="231">
        <v>1.52</v>
      </c>
      <c r="I30" s="159">
        <v>2508</v>
      </c>
      <c r="J30" s="160">
        <v>248</v>
      </c>
      <c r="K30" s="229">
        <v>9.9</v>
      </c>
      <c r="L30" s="230">
        <v>0</v>
      </c>
      <c r="M30" s="231">
        <v>0.67</v>
      </c>
      <c r="N30" s="159">
        <v>2633</v>
      </c>
      <c r="O30" s="160">
        <v>993</v>
      </c>
      <c r="P30" s="229">
        <v>37.700000000000003</v>
      </c>
      <c r="Q30" s="230">
        <v>0.3</v>
      </c>
      <c r="R30" s="231">
        <v>2.31</v>
      </c>
      <c r="S30" s="145" t="s">
        <v>110</v>
      </c>
    </row>
    <row r="31" spans="1:19" ht="13.5" customHeight="1" x14ac:dyDescent="0.15">
      <c r="A31" s="547"/>
      <c r="B31" s="150" t="s">
        <v>111</v>
      </c>
      <c r="C31" s="155" t="s">
        <v>22</v>
      </c>
      <c r="D31" s="162">
        <v>26072</v>
      </c>
      <c r="E31" s="163">
        <v>2384</v>
      </c>
      <c r="F31" s="232">
        <v>9.1</v>
      </c>
      <c r="G31" s="233">
        <v>1.1200000000000001</v>
      </c>
      <c r="H31" s="234">
        <v>1.1000000000000001</v>
      </c>
      <c r="I31" s="162">
        <v>15119</v>
      </c>
      <c r="J31" s="163">
        <v>300</v>
      </c>
      <c r="K31" s="232">
        <v>2</v>
      </c>
      <c r="L31" s="233">
        <v>0.65</v>
      </c>
      <c r="M31" s="234">
        <v>0.4</v>
      </c>
      <c r="N31" s="162">
        <v>10953</v>
      </c>
      <c r="O31" s="163">
        <v>2084</v>
      </c>
      <c r="P31" s="232">
        <v>19</v>
      </c>
      <c r="Q31" s="233">
        <v>1.77</v>
      </c>
      <c r="R31" s="234">
        <v>2.08</v>
      </c>
      <c r="S31" s="150" t="s">
        <v>111</v>
      </c>
    </row>
    <row r="32" spans="1:19" ht="13.5" customHeight="1" x14ac:dyDescent="0.15">
      <c r="A32" s="547"/>
      <c r="B32" s="145" t="s">
        <v>112</v>
      </c>
      <c r="C32" s="146" t="s">
        <v>23</v>
      </c>
      <c r="D32" s="159">
        <v>13467</v>
      </c>
      <c r="E32" s="160">
        <v>1274</v>
      </c>
      <c r="F32" s="229">
        <v>9.5</v>
      </c>
      <c r="G32" s="230">
        <v>1.62</v>
      </c>
      <c r="H32" s="231">
        <v>0.37</v>
      </c>
      <c r="I32" s="159">
        <v>10698</v>
      </c>
      <c r="J32" s="160">
        <v>231</v>
      </c>
      <c r="K32" s="229">
        <v>2.2000000000000002</v>
      </c>
      <c r="L32" s="230">
        <v>2.04</v>
      </c>
      <c r="M32" s="231">
        <v>0.47</v>
      </c>
      <c r="N32" s="159">
        <v>2769</v>
      </c>
      <c r="O32" s="160">
        <v>1043</v>
      </c>
      <c r="P32" s="229">
        <v>37.700000000000003</v>
      </c>
      <c r="Q32" s="230">
        <v>0</v>
      </c>
      <c r="R32" s="231">
        <v>0</v>
      </c>
      <c r="S32" s="145" t="s">
        <v>112</v>
      </c>
    </row>
    <row r="33" spans="1:19" ht="13.5" customHeight="1" x14ac:dyDescent="0.15">
      <c r="A33" s="547"/>
      <c r="B33" s="150" t="s">
        <v>113</v>
      </c>
      <c r="C33" s="155" t="s">
        <v>24</v>
      </c>
      <c r="D33" s="162">
        <v>3265</v>
      </c>
      <c r="E33" s="163">
        <v>93</v>
      </c>
      <c r="F33" s="232">
        <v>2.8</v>
      </c>
      <c r="G33" s="233">
        <v>0.37</v>
      </c>
      <c r="H33" s="234">
        <v>0.79</v>
      </c>
      <c r="I33" s="162">
        <v>2629</v>
      </c>
      <c r="J33" s="163">
        <v>34</v>
      </c>
      <c r="K33" s="232">
        <v>1.3</v>
      </c>
      <c r="L33" s="233">
        <v>0.38</v>
      </c>
      <c r="M33" s="234">
        <v>0.91</v>
      </c>
      <c r="N33" s="162">
        <v>636</v>
      </c>
      <c r="O33" s="163">
        <v>59</v>
      </c>
      <c r="P33" s="232">
        <v>9.3000000000000007</v>
      </c>
      <c r="Q33" s="233">
        <v>0.31</v>
      </c>
      <c r="R33" s="234">
        <v>0.31</v>
      </c>
      <c r="S33" s="150" t="s">
        <v>113</v>
      </c>
    </row>
    <row r="34" spans="1:19" ht="13.5" customHeight="1" x14ac:dyDescent="0.15">
      <c r="A34" s="547"/>
      <c r="B34" s="145" t="s">
        <v>114</v>
      </c>
      <c r="C34" s="146" t="s">
        <v>25</v>
      </c>
      <c r="D34" s="159">
        <v>6483</v>
      </c>
      <c r="E34" s="160">
        <v>124</v>
      </c>
      <c r="F34" s="229">
        <v>1.9</v>
      </c>
      <c r="G34" s="230">
        <v>0.73</v>
      </c>
      <c r="H34" s="231">
        <v>2.34</v>
      </c>
      <c r="I34" s="159">
        <v>5133</v>
      </c>
      <c r="J34" s="160">
        <v>61</v>
      </c>
      <c r="K34" s="229">
        <v>1.2</v>
      </c>
      <c r="L34" s="230">
        <v>0.46</v>
      </c>
      <c r="M34" s="231">
        <v>2.5</v>
      </c>
      <c r="N34" s="159">
        <v>1350</v>
      </c>
      <c r="O34" s="160">
        <v>63</v>
      </c>
      <c r="P34" s="229">
        <v>4.7</v>
      </c>
      <c r="Q34" s="230">
        <v>1.78</v>
      </c>
      <c r="R34" s="231">
        <v>1.7</v>
      </c>
      <c r="S34" s="145" t="s">
        <v>114</v>
      </c>
    </row>
    <row r="35" spans="1:19" ht="13.5" customHeight="1" x14ac:dyDescent="0.15">
      <c r="A35" s="547"/>
      <c r="B35" s="150" t="s">
        <v>115</v>
      </c>
      <c r="C35" s="155" t="s">
        <v>26</v>
      </c>
      <c r="D35" s="162">
        <v>5449</v>
      </c>
      <c r="E35" s="163">
        <v>85</v>
      </c>
      <c r="F35" s="232">
        <v>1.6</v>
      </c>
      <c r="G35" s="233">
        <v>0.61</v>
      </c>
      <c r="H35" s="234">
        <v>0.04</v>
      </c>
      <c r="I35" s="162">
        <v>5002</v>
      </c>
      <c r="J35" s="163">
        <v>46</v>
      </c>
      <c r="K35" s="232">
        <v>0.9</v>
      </c>
      <c r="L35" s="233">
        <v>0.66</v>
      </c>
      <c r="M35" s="234">
        <v>0.04</v>
      </c>
      <c r="N35" s="162">
        <v>447</v>
      </c>
      <c r="O35" s="163">
        <v>39</v>
      </c>
      <c r="P35" s="232">
        <v>8.6999999999999993</v>
      </c>
      <c r="Q35" s="233">
        <v>0</v>
      </c>
      <c r="R35" s="234">
        <v>0</v>
      </c>
      <c r="S35" s="150" t="s">
        <v>115</v>
      </c>
    </row>
    <row r="36" spans="1:19" ht="13.5" customHeight="1" x14ac:dyDescent="0.15">
      <c r="A36" s="547"/>
      <c r="B36" s="145" t="s">
        <v>116</v>
      </c>
      <c r="C36" s="146" t="s">
        <v>27</v>
      </c>
      <c r="D36" s="159">
        <v>6182</v>
      </c>
      <c r="E36" s="160">
        <v>33</v>
      </c>
      <c r="F36" s="229">
        <v>0.5</v>
      </c>
      <c r="G36" s="230">
        <v>4.6900000000000004</v>
      </c>
      <c r="H36" s="231">
        <v>0</v>
      </c>
      <c r="I36" s="159">
        <v>5414</v>
      </c>
      <c r="J36" s="160">
        <v>20</v>
      </c>
      <c r="K36" s="229">
        <v>0.4</v>
      </c>
      <c r="L36" s="230">
        <v>5.39</v>
      </c>
      <c r="M36" s="231">
        <v>0</v>
      </c>
      <c r="N36" s="159">
        <v>768</v>
      </c>
      <c r="O36" s="160">
        <v>13</v>
      </c>
      <c r="P36" s="229">
        <v>1.7</v>
      </c>
      <c r="Q36" s="230">
        <v>0</v>
      </c>
      <c r="R36" s="231">
        <v>0</v>
      </c>
      <c r="S36" s="145" t="s">
        <v>116</v>
      </c>
    </row>
    <row r="37" spans="1:19" ht="13.5" customHeight="1" x14ac:dyDescent="0.15">
      <c r="A37" s="547"/>
      <c r="B37" s="150" t="s">
        <v>117</v>
      </c>
      <c r="C37" s="155" t="s">
        <v>28</v>
      </c>
      <c r="D37" s="162">
        <v>15909</v>
      </c>
      <c r="E37" s="163">
        <v>147</v>
      </c>
      <c r="F37" s="232">
        <v>0.9</v>
      </c>
      <c r="G37" s="233">
        <v>0.54</v>
      </c>
      <c r="H37" s="234">
        <v>0.09</v>
      </c>
      <c r="I37" s="162">
        <v>12754</v>
      </c>
      <c r="J37" s="163">
        <v>136</v>
      </c>
      <c r="K37" s="232">
        <v>1.1000000000000001</v>
      </c>
      <c r="L37" s="233">
        <v>0.05</v>
      </c>
      <c r="M37" s="234">
        <v>0.11</v>
      </c>
      <c r="N37" s="162">
        <v>3155</v>
      </c>
      <c r="O37" s="163">
        <v>11</v>
      </c>
      <c r="P37" s="232">
        <v>0.3</v>
      </c>
      <c r="Q37" s="233">
        <v>2.5299999999999998</v>
      </c>
      <c r="R37" s="234">
        <v>0</v>
      </c>
      <c r="S37" s="150" t="s">
        <v>117</v>
      </c>
    </row>
    <row r="38" spans="1:19" ht="13.5" customHeight="1" x14ac:dyDescent="0.15">
      <c r="A38" s="547"/>
      <c r="B38" s="145" t="s">
        <v>118</v>
      </c>
      <c r="C38" s="146" t="s">
        <v>29</v>
      </c>
      <c r="D38" s="159">
        <v>20575</v>
      </c>
      <c r="E38" s="160">
        <v>709</v>
      </c>
      <c r="F38" s="229">
        <v>3.4</v>
      </c>
      <c r="G38" s="230">
        <v>0.41</v>
      </c>
      <c r="H38" s="231">
        <v>0.53</v>
      </c>
      <c r="I38" s="159">
        <v>17269</v>
      </c>
      <c r="J38" s="160">
        <v>393</v>
      </c>
      <c r="K38" s="229">
        <v>2.2999999999999998</v>
      </c>
      <c r="L38" s="230">
        <v>0.4</v>
      </c>
      <c r="M38" s="231">
        <v>0.43</v>
      </c>
      <c r="N38" s="159">
        <v>3306</v>
      </c>
      <c r="O38" s="160">
        <v>316</v>
      </c>
      <c r="P38" s="229">
        <v>9.6</v>
      </c>
      <c r="Q38" s="230">
        <v>0.45</v>
      </c>
      <c r="R38" s="231">
        <v>1.02</v>
      </c>
      <c r="S38" s="145" t="s">
        <v>118</v>
      </c>
    </row>
    <row r="39" spans="1:19" ht="13.5" customHeight="1" x14ac:dyDescent="0.15">
      <c r="A39" s="547"/>
      <c r="B39" s="150" t="s">
        <v>119</v>
      </c>
      <c r="C39" s="155" t="s">
        <v>30</v>
      </c>
      <c r="D39" s="162">
        <v>17077</v>
      </c>
      <c r="E39" s="163">
        <v>153</v>
      </c>
      <c r="F39" s="232">
        <v>0.9</v>
      </c>
      <c r="G39" s="233">
        <v>0.21</v>
      </c>
      <c r="H39" s="234">
        <v>0.59</v>
      </c>
      <c r="I39" s="162">
        <v>14364</v>
      </c>
      <c r="J39" s="163">
        <v>86</v>
      </c>
      <c r="K39" s="232">
        <v>0.6</v>
      </c>
      <c r="L39" s="233">
        <v>0.24</v>
      </c>
      <c r="M39" s="234">
        <v>0.6</v>
      </c>
      <c r="N39" s="162">
        <v>2713</v>
      </c>
      <c r="O39" s="163">
        <v>67</v>
      </c>
      <c r="P39" s="232">
        <v>2.5</v>
      </c>
      <c r="Q39" s="233">
        <v>7.0000000000000007E-2</v>
      </c>
      <c r="R39" s="234">
        <v>0.59</v>
      </c>
      <c r="S39" s="150" t="s">
        <v>119</v>
      </c>
    </row>
    <row r="40" spans="1:19" ht="13.5" customHeight="1" x14ac:dyDescent="0.15">
      <c r="A40" s="547"/>
      <c r="B40" s="145" t="s">
        <v>120</v>
      </c>
      <c r="C40" s="146" t="s">
        <v>31</v>
      </c>
      <c r="D40" s="159">
        <v>17023</v>
      </c>
      <c r="E40" s="160">
        <v>213</v>
      </c>
      <c r="F40" s="229">
        <v>1.3</v>
      </c>
      <c r="G40" s="230">
        <v>0.71</v>
      </c>
      <c r="H40" s="231">
        <v>0.38</v>
      </c>
      <c r="I40" s="159">
        <v>13854</v>
      </c>
      <c r="J40" s="160">
        <v>101</v>
      </c>
      <c r="K40" s="229">
        <v>0.7</v>
      </c>
      <c r="L40" s="230">
        <v>0.8</v>
      </c>
      <c r="M40" s="231">
        <v>0.38</v>
      </c>
      <c r="N40" s="159">
        <v>3169</v>
      </c>
      <c r="O40" s="160">
        <v>112</v>
      </c>
      <c r="P40" s="229">
        <v>3.5</v>
      </c>
      <c r="Q40" s="230">
        <v>0.28000000000000003</v>
      </c>
      <c r="R40" s="231">
        <v>0.35</v>
      </c>
      <c r="S40" s="145" t="s">
        <v>120</v>
      </c>
    </row>
    <row r="41" spans="1:19" ht="13.5" customHeight="1" x14ac:dyDescent="0.15">
      <c r="A41" s="547"/>
      <c r="B41" s="150" t="s">
        <v>121</v>
      </c>
      <c r="C41" s="155" t="s">
        <v>32</v>
      </c>
      <c r="D41" s="162">
        <v>16795</v>
      </c>
      <c r="E41" s="163">
        <v>219</v>
      </c>
      <c r="F41" s="232">
        <v>1.3</v>
      </c>
      <c r="G41" s="233">
        <v>0.34</v>
      </c>
      <c r="H41" s="234">
        <v>0.57999999999999996</v>
      </c>
      <c r="I41" s="162">
        <v>13554</v>
      </c>
      <c r="J41" s="163">
        <v>96</v>
      </c>
      <c r="K41" s="232">
        <v>0.7</v>
      </c>
      <c r="L41" s="233">
        <v>0.42</v>
      </c>
      <c r="M41" s="234">
        <v>0.6</v>
      </c>
      <c r="N41" s="162">
        <v>3241</v>
      </c>
      <c r="O41" s="163">
        <v>123</v>
      </c>
      <c r="P41" s="232">
        <v>3.8</v>
      </c>
      <c r="Q41" s="233">
        <v>0.03</v>
      </c>
      <c r="R41" s="234">
        <v>0.52</v>
      </c>
      <c r="S41" s="150" t="s">
        <v>121</v>
      </c>
    </row>
    <row r="42" spans="1:19" ht="13.5" customHeight="1" x14ac:dyDescent="0.15">
      <c r="A42" s="547"/>
      <c r="B42" s="145" t="s">
        <v>122</v>
      </c>
      <c r="C42" s="146" t="s">
        <v>33</v>
      </c>
      <c r="D42" s="159">
        <v>19454</v>
      </c>
      <c r="E42" s="160">
        <v>1275</v>
      </c>
      <c r="F42" s="229">
        <v>6.6</v>
      </c>
      <c r="G42" s="230">
        <v>0.19</v>
      </c>
      <c r="H42" s="231">
        <v>0.13</v>
      </c>
      <c r="I42" s="159">
        <v>15102</v>
      </c>
      <c r="J42" s="160">
        <v>186</v>
      </c>
      <c r="K42" s="229">
        <v>1.2</v>
      </c>
      <c r="L42" s="230">
        <v>0.16</v>
      </c>
      <c r="M42" s="231">
        <v>0.17</v>
      </c>
      <c r="N42" s="159">
        <v>4352</v>
      </c>
      <c r="O42" s="160">
        <v>1089</v>
      </c>
      <c r="P42" s="229">
        <v>25</v>
      </c>
      <c r="Q42" s="230">
        <v>0.28000000000000003</v>
      </c>
      <c r="R42" s="231">
        <v>0</v>
      </c>
      <c r="S42" s="145" t="s">
        <v>122</v>
      </c>
    </row>
    <row r="43" spans="1:19" ht="13.5" customHeight="1" x14ac:dyDescent="0.15">
      <c r="A43" s="547"/>
      <c r="B43" s="150" t="s">
        <v>123</v>
      </c>
      <c r="C43" s="155" t="s">
        <v>34</v>
      </c>
      <c r="D43" s="162">
        <v>25920</v>
      </c>
      <c r="E43" s="163">
        <v>592</v>
      </c>
      <c r="F43" s="232">
        <v>2.2999999999999998</v>
      </c>
      <c r="G43" s="233">
        <v>0.44</v>
      </c>
      <c r="H43" s="234">
        <v>0.62</v>
      </c>
      <c r="I43" s="162">
        <v>20623</v>
      </c>
      <c r="J43" s="163">
        <v>157</v>
      </c>
      <c r="K43" s="232">
        <v>0.8</v>
      </c>
      <c r="L43" s="233">
        <v>0.41</v>
      </c>
      <c r="M43" s="234">
        <v>0.56000000000000005</v>
      </c>
      <c r="N43" s="162">
        <v>5297</v>
      </c>
      <c r="O43" s="163">
        <v>435</v>
      </c>
      <c r="P43" s="232">
        <v>8.1999999999999993</v>
      </c>
      <c r="Q43" s="233">
        <v>0.56000000000000005</v>
      </c>
      <c r="R43" s="234">
        <v>0.87</v>
      </c>
      <c r="S43" s="150" t="s">
        <v>123</v>
      </c>
    </row>
    <row r="44" spans="1:19" ht="13.5" customHeight="1" x14ac:dyDescent="0.15">
      <c r="A44" s="547"/>
      <c r="B44" s="145" t="s">
        <v>124</v>
      </c>
      <c r="C44" s="146" t="s">
        <v>35</v>
      </c>
      <c r="D44" s="159">
        <v>59435</v>
      </c>
      <c r="E44" s="160">
        <v>3230</v>
      </c>
      <c r="F44" s="229">
        <v>5.4</v>
      </c>
      <c r="G44" s="230">
        <v>0.74</v>
      </c>
      <c r="H44" s="231">
        <v>1.19</v>
      </c>
      <c r="I44" s="159">
        <v>51684</v>
      </c>
      <c r="J44" s="160">
        <v>1879</v>
      </c>
      <c r="K44" s="229">
        <v>3.6</v>
      </c>
      <c r="L44" s="230">
        <v>0.63</v>
      </c>
      <c r="M44" s="231">
        <v>1.18</v>
      </c>
      <c r="N44" s="159">
        <v>7751</v>
      </c>
      <c r="O44" s="160">
        <v>1351</v>
      </c>
      <c r="P44" s="229">
        <v>17.399999999999999</v>
      </c>
      <c r="Q44" s="230">
        <v>1.46</v>
      </c>
      <c r="R44" s="231">
        <v>1.25</v>
      </c>
      <c r="S44" s="145" t="s">
        <v>124</v>
      </c>
    </row>
    <row r="45" spans="1:19" ht="7.5" customHeight="1" x14ac:dyDescent="0.15">
      <c r="A45" s="547"/>
      <c r="B45" s="150"/>
      <c r="C45" s="155"/>
      <c r="D45" s="162"/>
      <c r="E45" s="163"/>
      <c r="F45" s="232"/>
      <c r="G45" s="233"/>
      <c r="H45" s="234"/>
      <c r="I45" s="162"/>
      <c r="J45" s="163"/>
      <c r="K45" s="232"/>
      <c r="L45" s="233"/>
      <c r="M45" s="234"/>
      <c r="N45" s="162"/>
      <c r="O45" s="163"/>
      <c r="P45" s="232"/>
      <c r="Q45" s="233"/>
      <c r="R45" s="234"/>
      <c r="S45" s="150"/>
    </row>
    <row r="46" spans="1:19" ht="13.5" customHeight="1" x14ac:dyDescent="0.15">
      <c r="A46" s="547"/>
      <c r="B46" s="150" t="s">
        <v>125</v>
      </c>
      <c r="C46" s="155" t="s">
        <v>36</v>
      </c>
      <c r="D46" s="162">
        <v>1889</v>
      </c>
      <c r="E46" s="163">
        <v>135</v>
      </c>
      <c r="F46" s="232">
        <v>7.1</v>
      </c>
      <c r="G46" s="233">
        <v>1.06</v>
      </c>
      <c r="H46" s="234">
        <v>0.53</v>
      </c>
      <c r="I46" s="162">
        <v>1432</v>
      </c>
      <c r="J46" s="163">
        <v>114</v>
      </c>
      <c r="K46" s="232">
        <v>8</v>
      </c>
      <c r="L46" s="233">
        <v>0.7</v>
      </c>
      <c r="M46" s="234">
        <v>0</v>
      </c>
      <c r="N46" s="162">
        <v>457</v>
      </c>
      <c r="O46" s="163">
        <v>21</v>
      </c>
      <c r="P46" s="232">
        <v>4.5999999999999996</v>
      </c>
      <c r="Q46" s="233">
        <v>2.19</v>
      </c>
      <c r="R46" s="234">
        <v>2.19</v>
      </c>
      <c r="S46" s="150" t="s">
        <v>125</v>
      </c>
    </row>
    <row r="47" spans="1:19" ht="13.5" customHeight="1" thickBot="1" x14ac:dyDescent="0.2">
      <c r="A47" s="547"/>
      <c r="B47" s="165" t="s">
        <v>126</v>
      </c>
      <c r="C47" s="166" t="s">
        <v>37</v>
      </c>
      <c r="D47" s="177">
        <v>157079</v>
      </c>
      <c r="E47" s="178">
        <v>25903</v>
      </c>
      <c r="F47" s="247">
        <v>16.5</v>
      </c>
      <c r="G47" s="248">
        <v>0.57999999999999996</v>
      </c>
      <c r="H47" s="249">
        <v>0.68</v>
      </c>
      <c r="I47" s="177">
        <v>49894</v>
      </c>
      <c r="J47" s="178">
        <v>6039</v>
      </c>
      <c r="K47" s="247">
        <v>12.1</v>
      </c>
      <c r="L47" s="248">
        <v>0.63</v>
      </c>
      <c r="M47" s="249">
        <v>0.76</v>
      </c>
      <c r="N47" s="177">
        <v>107185</v>
      </c>
      <c r="O47" s="178">
        <v>19864</v>
      </c>
      <c r="P47" s="247">
        <v>18.5</v>
      </c>
      <c r="Q47" s="248">
        <v>0.56000000000000005</v>
      </c>
      <c r="R47" s="249">
        <v>0.65</v>
      </c>
      <c r="S47" s="165" t="s">
        <v>126</v>
      </c>
    </row>
    <row r="48" spans="1:19" ht="11.25" customHeight="1" x14ac:dyDescent="0.15"/>
  </sheetData>
  <mergeCells count="21">
    <mergeCell ref="Q5:R5"/>
    <mergeCell ref="G6:G7"/>
    <mergeCell ref="H6:H7"/>
    <mergeCell ref="L6:L7"/>
    <mergeCell ref="M6:M7"/>
    <mergeCell ref="D5:D7"/>
    <mergeCell ref="Q6:Q7"/>
    <mergeCell ref="A1:A47"/>
    <mergeCell ref="B1:S1"/>
    <mergeCell ref="B2:G2"/>
    <mergeCell ref="O2:S2"/>
    <mergeCell ref="B3:C7"/>
    <mergeCell ref="D3:H4"/>
    <mergeCell ref="I3:M4"/>
    <mergeCell ref="N3:R4"/>
    <mergeCell ref="S3:S7"/>
    <mergeCell ref="R6:R7"/>
    <mergeCell ref="G5:H5"/>
    <mergeCell ref="I5:I7"/>
    <mergeCell ref="L5:M5"/>
    <mergeCell ref="N5:N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8CD626-6882-401C-8D42-4D0E0847EEE2}">
  <sheetPr codeName="Sheet14">
    <tabColor indexed="52"/>
  </sheetPr>
  <dimension ref="A1:S26"/>
  <sheetViews>
    <sheetView view="pageBreakPreview" zoomScaleNormal="85" zoomScaleSheetLayoutView="100" workbookViewId="0">
      <selection sqref="A1:A24"/>
    </sheetView>
  </sheetViews>
  <sheetFormatPr defaultRowHeight="13.5" x14ac:dyDescent="0.15"/>
  <cols>
    <col min="1" max="1" width="5" customWidth="1"/>
    <col min="2" max="2" width="18.875" style="38" customWidth="1"/>
    <col min="3" max="3" width="4" style="172" customWidth="1"/>
    <col min="4" max="4" width="7.875" style="38" customWidth="1"/>
    <col min="5" max="5" width="6.625" style="38" customWidth="1"/>
    <col min="6" max="6" width="7.875" style="38" customWidth="1"/>
    <col min="7" max="7" width="6.625" style="38" customWidth="1"/>
    <col min="8" max="8" width="9.125" style="38" customWidth="1"/>
    <col min="9" max="9" width="6.625" style="38" customWidth="1"/>
    <col min="10" max="10" width="7.875" style="38" customWidth="1"/>
    <col min="11" max="11" width="6.625" style="38" customWidth="1"/>
    <col min="12" max="12" width="7.875" style="38" customWidth="1"/>
    <col min="13" max="13" width="6.625" style="38" customWidth="1"/>
    <col min="14" max="14" width="7.875" style="38" customWidth="1"/>
    <col min="15" max="15" width="6.625" style="38" customWidth="1"/>
    <col min="16" max="16" width="7.875" style="38" customWidth="1"/>
    <col min="17" max="17" width="6.625" style="38" customWidth="1"/>
    <col min="18" max="18" width="7.875" style="38" customWidth="1"/>
    <col min="19" max="19" width="6.625" style="38" customWidth="1"/>
  </cols>
  <sheetData>
    <row r="1" spans="1:19" ht="24.75" customHeight="1" x14ac:dyDescent="0.15">
      <c r="A1" s="547" t="s">
        <v>156</v>
      </c>
      <c r="B1" s="490" t="s">
        <v>157</v>
      </c>
      <c r="C1" s="490"/>
      <c r="D1" s="490"/>
      <c r="E1" s="490"/>
      <c r="F1" s="490"/>
      <c r="G1" s="490"/>
      <c r="H1" s="490"/>
      <c r="I1" s="490"/>
      <c r="J1" s="490"/>
      <c r="K1" s="490"/>
      <c r="L1" s="490"/>
      <c r="M1" s="490"/>
      <c r="N1" s="490"/>
      <c r="O1" s="490"/>
      <c r="P1" s="490"/>
      <c r="Q1" s="490"/>
      <c r="R1" s="490"/>
      <c r="S1" s="490"/>
    </row>
    <row r="2" spans="1:19" ht="11.25" customHeight="1" x14ac:dyDescent="0.15">
      <c r="A2" s="547"/>
      <c r="B2" s="250"/>
      <c r="C2" s="9"/>
      <c r="D2" s="251"/>
      <c r="E2" s="251"/>
      <c r="F2" s="251"/>
      <c r="G2" s="251"/>
      <c r="H2" s="251"/>
      <c r="I2" s="251"/>
      <c r="J2" s="251"/>
      <c r="K2" s="251"/>
      <c r="L2" s="251"/>
      <c r="M2" s="250"/>
      <c r="N2" s="250"/>
      <c r="O2" s="250"/>
      <c r="P2" s="250"/>
    </row>
    <row r="3" spans="1:19" ht="15.75" customHeight="1" thickBot="1" x14ac:dyDescent="0.2">
      <c r="A3" s="547"/>
      <c r="B3" s="583" t="s">
        <v>158</v>
      </c>
      <c r="C3" s="583"/>
    </row>
    <row r="4" spans="1:19" ht="15.75" customHeight="1" x14ac:dyDescent="0.15">
      <c r="A4" s="547"/>
      <c r="B4" s="492" t="s">
        <v>159</v>
      </c>
      <c r="C4" s="519"/>
      <c r="D4" s="252"/>
      <c r="E4" s="584" t="s">
        <v>75</v>
      </c>
      <c r="F4" s="584"/>
      <c r="G4" s="253"/>
      <c r="H4" s="254"/>
      <c r="I4" s="584" t="s">
        <v>2</v>
      </c>
      <c r="J4" s="584"/>
      <c r="K4" s="89"/>
      <c r="L4" s="491" t="s">
        <v>160</v>
      </c>
      <c r="M4" s="550"/>
      <c r="N4" s="550"/>
      <c r="O4" s="574"/>
      <c r="P4" s="492" t="s">
        <v>13</v>
      </c>
      <c r="Q4" s="550"/>
      <c r="R4" s="550"/>
      <c r="S4" s="550"/>
    </row>
    <row r="5" spans="1:19" ht="15.75" customHeight="1" x14ac:dyDescent="0.15">
      <c r="A5" s="547"/>
      <c r="B5" s="494"/>
      <c r="C5" s="520"/>
      <c r="D5" s="255"/>
      <c r="E5" s="585"/>
      <c r="F5" s="585"/>
      <c r="G5" s="256"/>
      <c r="H5" s="141"/>
      <c r="I5" s="585"/>
      <c r="J5" s="585"/>
      <c r="K5" s="257"/>
      <c r="L5" s="575"/>
      <c r="M5" s="551"/>
      <c r="N5" s="551"/>
      <c r="O5" s="576"/>
      <c r="P5" s="551"/>
      <c r="Q5" s="551"/>
      <c r="R5" s="551"/>
      <c r="S5" s="551"/>
    </row>
    <row r="6" spans="1:19" ht="30" customHeight="1" x14ac:dyDescent="0.15">
      <c r="A6" s="547"/>
      <c r="B6" s="494"/>
      <c r="C6" s="520"/>
      <c r="D6" s="579" t="s">
        <v>161</v>
      </c>
      <c r="E6" s="580"/>
      <c r="F6" s="579" t="s">
        <v>162</v>
      </c>
      <c r="G6" s="581"/>
      <c r="H6" s="582" t="s">
        <v>161</v>
      </c>
      <c r="I6" s="580"/>
      <c r="J6" s="579" t="s">
        <v>162</v>
      </c>
      <c r="K6" s="582"/>
      <c r="L6" s="579" t="s">
        <v>161</v>
      </c>
      <c r="M6" s="580"/>
      <c r="N6" s="579" t="s">
        <v>162</v>
      </c>
      <c r="O6" s="582"/>
      <c r="P6" s="579" t="s">
        <v>161</v>
      </c>
      <c r="Q6" s="580"/>
      <c r="R6" s="579" t="s">
        <v>162</v>
      </c>
      <c r="S6" s="582"/>
    </row>
    <row r="7" spans="1:19" ht="10.5" customHeight="1" x14ac:dyDescent="0.15">
      <c r="A7" s="547"/>
      <c r="B7" s="494"/>
      <c r="C7" s="520"/>
      <c r="D7" s="39"/>
      <c r="E7" s="258" t="s">
        <v>163</v>
      </c>
      <c r="G7" s="259" t="s">
        <v>163</v>
      </c>
      <c r="H7" s="150"/>
      <c r="I7" s="258" t="s">
        <v>163</v>
      </c>
      <c r="J7" s="150"/>
      <c r="K7" s="258" t="s">
        <v>163</v>
      </c>
      <c r="L7" s="191"/>
      <c r="M7" s="258" t="s">
        <v>163</v>
      </c>
      <c r="N7" s="150"/>
      <c r="O7" s="258" t="s">
        <v>163</v>
      </c>
      <c r="P7" s="150"/>
      <c r="Q7" s="258" t="s">
        <v>163</v>
      </c>
      <c r="R7" s="150"/>
      <c r="S7" s="260" t="s">
        <v>163</v>
      </c>
    </row>
    <row r="8" spans="1:19" s="1" customFormat="1" ht="11.25" customHeight="1" x14ac:dyDescent="0.15">
      <c r="A8" s="547"/>
      <c r="B8" s="506" t="s">
        <v>164</v>
      </c>
      <c r="C8" s="524"/>
      <c r="D8" s="261"/>
      <c r="E8" s="92" t="s">
        <v>165</v>
      </c>
      <c r="F8" s="262"/>
      <c r="G8" s="263" t="s">
        <v>165</v>
      </c>
      <c r="H8" s="262"/>
      <c r="I8" s="92" t="s">
        <v>165</v>
      </c>
      <c r="J8" s="262"/>
      <c r="K8" s="92" t="s">
        <v>165</v>
      </c>
      <c r="L8" s="264"/>
      <c r="M8" s="92" t="s">
        <v>165</v>
      </c>
      <c r="N8" s="262"/>
      <c r="O8" s="92" t="s">
        <v>165</v>
      </c>
      <c r="P8" s="262"/>
      <c r="Q8" s="92" t="s">
        <v>165</v>
      </c>
      <c r="R8" s="262"/>
      <c r="S8" s="29" t="s">
        <v>165</v>
      </c>
    </row>
    <row r="9" spans="1:19" ht="15" customHeight="1" x14ac:dyDescent="0.15">
      <c r="A9" s="547"/>
      <c r="B9" s="265"/>
      <c r="C9" s="265"/>
      <c r="D9" s="39"/>
      <c r="E9" s="266"/>
      <c r="F9" s="129"/>
      <c r="G9" s="267"/>
      <c r="H9" s="129"/>
      <c r="I9" s="266"/>
      <c r="J9" s="129"/>
      <c r="K9" s="268"/>
      <c r="L9" s="269"/>
      <c r="M9" s="266"/>
      <c r="N9" s="129"/>
      <c r="O9" s="268"/>
      <c r="P9" s="129"/>
      <c r="Q9" s="266"/>
      <c r="S9" s="266"/>
    </row>
    <row r="10" spans="1:19" ht="30" customHeight="1" x14ac:dyDescent="0.15">
      <c r="A10" s="547"/>
      <c r="B10" s="270" t="s">
        <v>42</v>
      </c>
      <c r="C10" s="271" t="s">
        <v>166</v>
      </c>
      <c r="D10" s="272">
        <v>433619</v>
      </c>
      <c r="E10" s="273">
        <v>2.8</v>
      </c>
      <c r="F10" s="274">
        <v>114449</v>
      </c>
      <c r="G10" s="275">
        <v>5</v>
      </c>
      <c r="H10" s="274">
        <v>486261</v>
      </c>
      <c r="I10" s="273">
        <v>5.2</v>
      </c>
      <c r="J10" s="274">
        <v>170104</v>
      </c>
      <c r="K10" s="276">
        <v>6.6</v>
      </c>
      <c r="L10" s="272">
        <v>406015</v>
      </c>
      <c r="M10" s="273">
        <v>5.2</v>
      </c>
      <c r="N10" s="274">
        <v>105179</v>
      </c>
      <c r="O10" s="276">
        <v>-3</v>
      </c>
      <c r="P10" s="274">
        <v>433447</v>
      </c>
      <c r="Q10" s="273">
        <v>4.7</v>
      </c>
      <c r="R10" s="274">
        <v>138526</v>
      </c>
      <c r="S10" s="273">
        <v>5.0999999999999996</v>
      </c>
    </row>
    <row r="11" spans="1:19" ht="30" customHeight="1" x14ac:dyDescent="0.15">
      <c r="A11" s="547"/>
      <c r="B11" s="277" t="s">
        <v>38</v>
      </c>
      <c r="C11" s="278" t="s">
        <v>166</v>
      </c>
      <c r="D11" s="279">
        <v>399621</v>
      </c>
      <c r="E11" s="280">
        <v>2.2999999999999998</v>
      </c>
      <c r="F11" s="281">
        <v>112872</v>
      </c>
      <c r="G11" s="282">
        <v>4.9000000000000004</v>
      </c>
      <c r="H11" s="281">
        <v>444892</v>
      </c>
      <c r="I11" s="280">
        <v>3</v>
      </c>
      <c r="J11" s="281">
        <v>162674</v>
      </c>
      <c r="K11" s="283">
        <v>3.9</v>
      </c>
      <c r="L11" s="279">
        <v>376886</v>
      </c>
      <c r="M11" s="280">
        <v>8.1</v>
      </c>
      <c r="N11" s="281">
        <v>104378</v>
      </c>
      <c r="O11" s="283">
        <v>-3.1</v>
      </c>
      <c r="P11" s="281">
        <v>366800</v>
      </c>
      <c r="Q11" s="280">
        <v>0.5</v>
      </c>
      <c r="R11" s="281">
        <v>135035</v>
      </c>
      <c r="S11" s="280">
        <v>5.2</v>
      </c>
    </row>
    <row r="12" spans="1:19" ht="30" customHeight="1" x14ac:dyDescent="0.15">
      <c r="A12" s="547"/>
      <c r="B12" s="270" t="s">
        <v>167</v>
      </c>
      <c r="C12" s="271" t="s">
        <v>166</v>
      </c>
      <c r="D12" s="272">
        <v>367945</v>
      </c>
      <c r="E12" s="273">
        <v>2.2999999999999998</v>
      </c>
      <c r="F12" s="274">
        <v>108713</v>
      </c>
      <c r="G12" s="275">
        <v>3.8</v>
      </c>
      <c r="H12" s="274">
        <v>400550</v>
      </c>
      <c r="I12" s="273">
        <v>2.8</v>
      </c>
      <c r="J12" s="274">
        <v>151391</v>
      </c>
      <c r="K12" s="276">
        <v>2.9</v>
      </c>
      <c r="L12" s="272">
        <v>348838</v>
      </c>
      <c r="M12" s="273">
        <v>7.3</v>
      </c>
      <c r="N12" s="274">
        <v>102276</v>
      </c>
      <c r="O12" s="276">
        <v>-3.2</v>
      </c>
      <c r="P12" s="274">
        <v>346366</v>
      </c>
      <c r="Q12" s="273">
        <v>0.9</v>
      </c>
      <c r="R12" s="274">
        <v>132232</v>
      </c>
      <c r="S12" s="273">
        <v>4.5</v>
      </c>
    </row>
    <row r="13" spans="1:19" ht="30" customHeight="1" x14ac:dyDescent="0.15">
      <c r="A13" s="547"/>
      <c r="B13" s="277" t="s">
        <v>168</v>
      </c>
      <c r="C13" s="278" t="s">
        <v>166</v>
      </c>
      <c r="D13" s="279">
        <v>31676</v>
      </c>
      <c r="E13" s="280" t="s">
        <v>169</v>
      </c>
      <c r="F13" s="281">
        <v>4159</v>
      </c>
      <c r="G13" s="282" t="s">
        <v>169</v>
      </c>
      <c r="H13" s="281">
        <v>44342</v>
      </c>
      <c r="I13" s="280" t="s">
        <v>169</v>
      </c>
      <c r="J13" s="281">
        <v>11283</v>
      </c>
      <c r="K13" s="283" t="s">
        <v>169</v>
      </c>
      <c r="L13" s="279">
        <v>28048</v>
      </c>
      <c r="M13" s="280" t="s">
        <v>169</v>
      </c>
      <c r="N13" s="281">
        <v>2102</v>
      </c>
      <c r="O13" s="283" t="s">
        <v>169</v>
      </c>
      <c r="P13" s="281">
        <v>20434</v>
      </c>
      <c r="Q13" s="280" t="s">
        <v>169</v>
      </c>
      <c r="R13" s="281">
        <v>2803</v>
      </c>
      <c r="S13" s="280" t="s">
        <v>169</v>
      </c>
    </row>
    <row r="14" spans="1:19" ht="30" customHeight="1" x14ac:dyDescent="0.15">
      <c r="A14" s="547"/>
      <c r="B14" s="270" t="s">
        <v>170</v>
      </c>
      <c r="C14" s="271" t="s">
        <v>166</v>
      </c>
      <c r="D14" s="272">
        <v>33998</v>
      </c>
      <c r="E14" s="273" t="s">
        <v>169</v>
      </c>
      <c r="F14" s="274">
        <v>1577</v>
      </c>
      <c r="G14" s="275" t="s">
        <v>169</v>
      </c>
      <c r="H14" s="274">
        <v>41369</v>
      </c>
      <c r="I14" s="273" t="s">
        <v>169</v>
      </c>
      <c r="J14" s="274">
        <v>7430</v>
      </c>
      <c r="K14" s="276" t="s">
        <v>169</v>
      </c>
      <c r="L14" s="272">
        <v>29129</v>
      </c>
      <c r="M14" s="273" t="s">
        <v>169</v>
      </c>
      <c r="N14" s="274">
        <v>801</v>
      </c>
      <c r="O14" s="276" t="s">
        <v>169</v>
      </c>
      <c r="P14" s="274">
        <v>66647</v>
      </c>
      <c r="Q14" s="273" t="s">
        <v>169</v>
      </c>
      <c r="R14" s="274">
        <v>3491</v>
      </c>
      <c r="S14" s="273" t="s">
        <v>169</v>
      </c>
    </row>
    <row r="15" spans="1:19" ht="15" customHeight="1" x14ac:dyDescent="0.15">
      <c r="A15" s="547"/>
      <c r="B15" s="277"/>
      <c r="C15" s="284"/>
      <c r="D15" s="285"/>
      <c r="E15" s="280"/>
      <c r="F15" s="286"/>
      <c r="G15" s="282"/>
      <c r="H15" s="286"/>
      <c r="I15" s="280"/>
      <c r="J15" s="286"/>
      <c r="K15" s="283"/>
      <c r="L15" s="285"/>
      <c r="M15" s="280"/>
      <c r="N15" s="286"/>
      <c r="O15" s="283"/>
      <c r="P15" s="286"/>
      <c r="Q15" s="280"/>
      <c r="R15" s="286"/>
      <c r="S15" s="280"/>
    </row>
    <row r="16" spans="1:19" ht="30" customHeight="1" x14ac:dyDescent="0.15">
      <c r="A16" s="547"/>
      <c r="B16" s="277" t="s">
        <v>133</v>
      </c>
      <c r="C16" s="278" t="s">
        <v>171</v>
      </c>
      <c r="D16" s="287">
        <v>18.600000000000001</v>
      </c>
      <c r="E16" s="280">
        <v>-1</v>
      </c>
      <c r="F16" s="288">
        <v>11.9</v>
      </c>
      <c r="G16" s="282">
        <v>-0.8</v>
      </c>
      <c r="H16" s="288">
        <v>18.8</v>
      </c>
      <c r="I16" s="280">
        <v>-0.9</v>
      </c>
      <c r="J16" s="288">
        <v>16</v>
      </c>
      <c r="K16" s="283">
        <v>-0.2</v>
      </c>
      <c r="L16" s="287">
        <v>19.2</v>
      </c>
      <c r="M16" s="280">
        <v>-0.6</v>
      </c>
      <c r="N16" s="288">
        <v>12.7</v>
      </c>
      <c r="O16" s="283">
        <v>-1.5</v>
      </c>
      <c r="P16" s="288">
        <v>18.100000000000001</v>
      </c>
      <c r="Q16" s="280">
        <v>-0.8</v>
      </c>
      <c r="R16" s="288">
        <v>12.1</v>
      </c>
      <c r="S16" s="280">
        <v>-0.5</v>
      </c>
    </row>
    <row r="17" spans="1:19" ht="30" customHeight="1" x14ac:dyDescent="0.15">
      <c r="A17" s="547"/>
      <c r="B17" s="270" t="s">
        <v>43</v>
      </c>
      <c r="C17" s="271" t="s">
        <v>172</v>
      </c>
      <c r="D17" s="289">
        <v>157.6</v>
      </c>
      <c r="E17" s="273">
        <v>-5</v>
      </c>
      <c r="F17" s="290">
        <v>71.599999999999994</v>
      </c>
      <c r="G17" s="275">
        <v>-2.8</v>
      </c>
      <c r="H17" s="290">
        <v>161.80000000000001</v>
      </c>
      <c r="I17" s="273">
        <v>-4.4000000000000004</v>
      </c>
      <c r="J17" s="290">
        <v>111.6</v>
      </c>
      <c r="K17" s="276">
        <v>1.9</v>
      </c>
      <c r="L17" s="289">
        <v>164.4</v>
      </c>
      <c r="M17" s="273">
        <v>-2.9</v>
      </c>
      <c r="N17" s="290">
        <v>71.900000000000006</v>
      </c>
      <c r="O17" s="276">
        <v>-9.6</v>
      </c>
      <c r="P17" s="290">
        <v>148.1</v>
      </c>
      <c r="Q17" s="273">
        <v>-4.3</v>
      </c>
      <c r="R17" s="290">
        <v>72.3</v>
      </c>
      <c r="S17" s="273">
        <v>-5.7</v>
      </c>
    </row>
    <row r="18" spans="1:19" ht="30" customHeight="1" x14ac:dyDescent="0.15">
      <c r="A18" s="547"/>
      <c r="B18" s="277" t="s">
        <v>173</v>
      </c>
      <c r="C18" s="278" t="s">
        <v>172</v>
      </c>
      <c r="D18" s="287">
        <v>142.5</v>
      </c>
      <c r="E18" s="280">
        <v>-5.3</v>
      </c>
      <c r="F18" s="288">
        <v>69.2</v>
      </c>
      <c r="G18" s="282">
        <v>-3</v>
      </c>
      <c r="H18" s="288">
        <v>146</v>
      </c>
      <c r="I18" s="280">
        <v>-4.5</v>
      </c>
      <c r="J18" s="288">
        <v>105.7</v>
      </c>
      <c r="K18" s="283">
        <v>2.5</v>
      </c>
      <c r="L18" s="287">
        <v>150.5</v>
      </c>
      <c r="M18" s="280">
        <v>-4.3</v>
      </c>
      <c r="N18" s="288">
        <v>70.8</v>
      </c>
      <c r="O18" s="283">
        <v>-9</v>
      </c>
      <c r="P18" s="288">
        <v>139.6</v>
      </c>
      <c r="Q18" s="280">
        <v>-3.7</v>
      </c>
      <c r="R18" s="288">
        <v>70.900000000000006</v>
      </c>
      <c r="S18" s="280">
        <v>-6</v>
      </c>
    </row>
    <row r="19" spans="1:19" ht="30" customHeight="1" x14ac:dyDescent="0.15">
      <c r="A19" s="547"/>
      <c r="B19" s="270" t="s">
        <v>40</v>
      </c>
      <c r="C19" s="271" t="s">
        <v>172</v>
      </c>
      <c r="D19" s="289">
        <v>15.1</v>
      </c>
      <c r="E19" s="273">
        <v>-1.9</v>
      </c>
      <c r="F19" s="290">
        <v>2.4</v>
      </c>
      <c r="G19" s="275">
        <v>4.3</v>
      </c>
      <c r="H19" s="290">
        <v>15.8</v>
      </c>
      <c r="I19" s="273">
        <v>-3</v>
      </c>
      <c r="J19" s="290">
        <v>5.9</v>
      </c>
      <c r="K19" s="276">
        <v>-7.8</v>
      </c>
      <c r="L19" s="289">
        <v>13.9</v>
      </c>
      <c r="M19" s="273">
        <v>14.9</v>
      </c>
      <c r="N19" s="290">
        <v>1.1000000000000001</v>
      </c>
      <c r="O19" s="276">
        <v>-35.299999999999997</v>
      </c>
      <c r="P19" s="290">
        <v>8.5</v>
      </c>
      <c r="Q19" s="273">
        <v>-13.2</v>
      </c>
      <c r="R19" s="290">
        <v>1.4</v>
      </c>
      <c r="S19" s="273">
        <v>7.8</v>
      </c>
    </row>
    <row r="20" spans="1:19" ht="15" customHeight="1" x14ac:dyDescent="0.15">
      <c r="A20" s="547"/>
      <c r="B20" s="277"/>
      <c r="C20" s="278"/>
      <c r="D20" s="285"/>
      <c r="E20" s="280"/>
      <c r="F20" s="286"/>
      <c r="G20" s="282"/>
      <c r="H20" s="286"/>
      <c r="I20" s="280"/>
      <c r="J20" s="286"/>
      <c r="K20" s="283"/>
      <c r="L20" s="285"/>
      <c r="M20" s="280"/>
      <c r="N20" s="288"/>
      <c r="O20" s="283"/>
      <c r="P20" s="286"/>
      <c r="Q20" s="280"/>
      <c r="R20" s="286"/>
      <c r="S20" s="280"/>
    </row>
    <row r="21" spans="1:19" ht="30" customHeight="1" x14ac:dyDescent="0.15">
      <c r="A21" s="547"/>
      <c r="B21" s="277" t="s">
        <v>152</v>
      </c>
      <c r="C21" s="278" t="s">
        <v>174</v>
      </c>
      <c r="D21" s="291">
        <v>1974095</v>
      </c>
      <c r="E21" s="292">
        <v>0.1</v>
      </c>
      <c r="F21" s="293">
        <v>1145956</v>
      </c>
      <c r="G21" s="294">
        <v>1.1000000000000001</v>
      </c>
      <c r="H21" s="293">
        <v>324869</v>
      </c>
      <c r="I21" s="292">
        <v>-3.1</v>
      </c>
      <c r="J21" s="293">
        <v>47664</v>
      </c>
      <c r="K21" s="295">
        <v>-2.1</v>
      </c>
      <c r="L21" s="296">
        <v>231899</v>
      </c>
      <c r="M21" s="292">
        <v>-1</v>
      </c>
      <c r="N21" s="297">
        <v>315719</v>
      </c>
      <c r="O21" s="295">
        <v>-3.2</v>
      </c>
      <c r="P21" s="293">
        <v>327890</v>
      </c>
      <c r="Q21" s="292">
        <v>-8</v>
      </c>
      <c r="R21" s="293">
        <v>226734</v>
      </c>
      <c r="S21" s="292">
        <v>12.4</v>
      </c>
    </row>
    <row r="22" spans="1:19" ht="30" customHeight="1" x14ac:dyDescent="0.15">
      <c r="A22" s="547"/>
      <c r="B22" s="270" t="s">
        <v>175</v>
      </c>
      <c r="C22" s="271" t="s">
        <v>176</v>
      </c>
      <c r="D22" s="298">
        <v>1.1100000000000001</v>
      </c>
      <c r="E22" s="299">
        <v>-0.13</v>
      </c>
      <c r="F22" s="299">
        <v>2.83</v>
      </c>
      <c r="G22" s="300">
        <v>0.4</v>
      </c>
      <c r="H22" s="299">
        <v>0.56999999999999995</v>
      </c>
      <c r="I22" s="299">
        <v>-0.24</v>
      </c>
      <c r="J22" s="299">
        <v>2.4300000000000002</v>
      </c>
      <c r="K22" s="301">
        <v>0.86</v>
      </c>
      <c r="L22" s="302">
        <v>1.43</v>
      </c>
      <c r="M22" s="303">
        <v>-0.87</v>
      </c>
      <c r="N22" s="303">
        <v>2.2599999999999998</v>
      </c>
      <c r="O22" s="304">
        <v>0.42</v>
      </c>
      <c r="P22" s="299">
        <v>1.33</v>
      </c>
      <c r="Q22" s="299">
        <v>0.09</v>
      </c>
      <c r="R22" s="299">
        <v>2</v>
      </c>
      <c r="S22" s="299">
        <v>0.68</v>
      </c>
    </row>
    <row r="23" spans="1:19" ht="30" customHeight="1" x14ac:dyDescent="0.15">
      <c r="A23" s="547"/>
      <c r="B23" s="277" t="s">
        <v>151</v>
      </c>
      <c r="C23" s="278" t="s">
        <v>176</v>
      </c>
      <c r="D23" s="305">
        <v>1.1100000000000001</v>
      </c>
      <c r="E23" s="306">
        <v>-0.04</v>
      </c>
      <c r="F23" s="306">
        <v>2.89</v>
      </c>
      <c r="G23" s="307">
        <v>0.59</v>
      </c>
      <c r="H23" s="306">
        <v>0.68</v>
      </c>
      <c r="I23" s="306">
        <v>-0.42</v>
      </c>
      <c r="J23" s="306">
        <v>2.1</v>
      </c>
      <c r="K23" s="308">
        <v>0.91</v>
      </c>
      <c r="L23" s="309">
        <v>1.07</v>
      </c>
      <c r="M23" s="310">
        <v>-0.72</v>
      </c>
      <c r="N23" s="310">
        <v>4.05</v>
      </c>
      <c r="O23" s="311">
        <v>2.9</v>
      </c>
      <c r="P23" s="306">
        <v>1.2</v>
      </c>
      <c r="Q23" s="306">
        <v>0.53</v>
      </c>
      <c r="R23" s="306">
        <v>0.61</v>
      </c>
      <c r="S23" s="306">
        <v>-1.69</v>
      </c>
    </row>
    <row r="24" spans="1:19" ht="15" customHeight="1" thickBot="1" x14ac:dyDescent="0.2">
      <c r="A24" s="547"/>
      <c r="B24" s="312"/>
      <c r="C24" s="313"/>
      <c r="D24" s="123"/>
      <c r="E24" s="76"/>
      <c r="F24" s="76"/>
      <c r="G24" s="314"/>
      <c r="H24" s="76"/>
      <c r="I24" s="76"/>
      <c r="J24" s="76"/>
      <c r="K24" s="77"/>
      <c r="L24" s="123"/>
      <c r="M24" s="76"/>
      <c r="N24" s="76"/>
      <c r="O24" s="77"/>
      <c r="P24" s="76"/>
      <c r="Q24" s="76"/>
      <c r="R24" s="76"/>
      <c r="S24" s="76"/>
    </row>
    <row r="25" spans="1:19" ht="15" customHeight="1" x14ac:dyDescent="0.15">
      <c r="A25" s="315"/>
    </row>
    <row r="26" spans="1:19" ht="15" customHeight="1" x14ac:dyDescent="0.15">
      <c r="A26" s="315"/>
      <c r="B26" s="316"/>
      <c r="C26" s="316"/>
      <c r="D26" s="316"/>
      <c r="E26" s="316"/>
      <c r="F26" s="316"/>
      <c r="G26" s="316"/>
      <c r="H26" s="316"/>
      <c r="I26" s="316"/>
      <c r="J26" s="316"/>
    </row>
  </sheetData>
  <mergeCells count="17">
    <mergeCell ref="N6:O6"/>
    <mergeCell ref="P6:Q6"/>
    <mergeCell ref="F6:G6"/>
    <mergeCell ref="R6:S6"/>
    <mergeCell ref="A1:A24"/>
    <mergeCell ref="B1:S1"/>
    <mergeCell ref="B3:C3"/>
    <mergeCell ref="B4:C7"/>
    <mergeCell ref="E4:F5"/>
    <mergeCell ref="I4:J5"/>
    <mergeCell ref="L4:O5"/>
    <mergeCell ref="P4:S5"/>
    <mergeCell ref="D6:E6"/>
    <mergeCell ref="B8:C8"/>
    <mergeCell ref="H6:I6"/>
    <mergeCell ref="J6:K6"/>
    <mergeCell ref="L6:M6"/>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F86D4AE-EF8A-4BDD-BEBA-EBBB4328F4D0}">
  <sheetPr codeName="Sheet15">
    <tabColor indexed="52"/>
  </sheetPr>
  <dimension ref="A1:S27"/>
  <sheetViews>
    <sheetView view="pageBreakPreview" zoomScaleNormal="85" zoomScaleSheetLayoutView="100" workbookViewId="0">
      <selection sqref="A1:A24"/>
    </sheetView>
  </sheetViews>
  <sheetFormatPr defaultRowHeight="13.5" x14ac:dyDescent="0.15"/>
  <cols>
    <col min="1" max="1" width="5" customWidth="1"/>
    <col min="2" max="2" width="18.875" style="38" customWidth="1"/>
    <col min="3" max="3" width="4" style="172" customWidth="1"/>
    <col min="4" max="4" width="7.875" style="38" customWidth="1"/>
    <col min="5" max="5" width="6.625" style="38" customWidth="1"/>
    <col min="6" max="6" width="7.875" style="38" customWidth="1"/>
    <col min="7" max="7" width="6.625" style="38" customWidth="1"/>
    <col min="8" max="8" width="8.125" style="38" bestFit="1" customWidth="1"/>
    <col min="9" max="9" width="6.625" style="38" customWidth="1"/>
    <col min="10" max="10" width="7.875" style="38" customWidth="1"/>
    <col min="11" max="11" width="6.625" style="38" customWidth="1"/>
    <col min="12" max="12" width="7.875" style="38" customWidth="1"/>
    <col min="13" max="13" width="6.625" style="38" customWidth="1"/>
    <col min="14" max="14" width="7.875" style="38" customWidth="1"/>
    <col min="15" max="15" width="6.625" style="38" customWidth="1"/>
    <col min="16" max="16" width="7.875" style="38" customWidth="1"/>
    <col min="17" max="17" width="6.625" style="38" customWidth="1"/>
    <col min="18" max="18" width="7.875" style="38" customWidth="1"/>
    <col min="19" max="19" width="6.625" style="38" customWidth="1"/>
    <col min="20" max="20" width="2.5" customWidth="1"/>
  </cols>
  <sheetData>
    <row r="1" spans="1:19" ht="24.75" customHeight="1" x14ac:dyDescent="0.15">
      <c r="A1" s="547" t="s">
        <v>177</v>
      </c>
      <c r="B1" s="490" t="s">
        <v>178</v>
      </c>
      <c r="C1" s="490"/>
      <c r="D1" s="490"/>
      <c r="E1" s="490"/>
      <c r="F1" s="490"/>
      <c r="G1" s="490"/>
      <c r="H1" s="490"/>
      <c r="I1" s="490"/>
      <c r="J1" s="490"/>
      <c r="K1" s="490"/>
      <c r="L1" s="490"/>
      <c r="M1" s="490"/>
      <c r="N1" s="490"/>
      <c r="O1" s="490"/>
      <c r="P1" s="490"/>
      <c r="Q1" s="490"/>
      <c r="R1" s="490"/>
      <c r="S1" s="490"/>
    </row>
    <row r="2" spans="1:19" ht="11.25" customHeight="1" x14ac:dyDescent="0.15">
      <c r="A2" s="547"/>
      <c r="B2" s="250"/>
      <c r="C2" s="9"/>
      <c r="D2" s="251"/>
      <c r="E2" s="251"/>
      <c r="F2" s="251"/>
      <c r="G2" s="251"/>
      <c r="H2" s="251"/>
      <c r="I2" s="251"/>
      <c r="J2" s="251"/>
      <c r="K2" s="251"/>
      <c r="L2" s="251"/>
      <c r="M2" s="250"/>
      <c r="N2" s="250"/>
      <c r="O2" s="250"/>
      <c r="P2" s="250"/>
    </row>
    <row r="3" spans="1:19" ht="15.75" customHeight="1" thickBot="1" x14ac:dyDescent="0.2">
      <c r="A3" s="547"/>
      <c r="B3" s="583" t="s">
        <v>179</v>
      </c>
      <c r="C3" s="583"/>
    </row>
    <row r="4" spans="1:19" ht="15.75" customHeight="1" x14ac:dyDescent="0.15">
      <c r="A4" s="547"/>
      <c r="B4" s="492" t="s">
        <v>159</v>
      </c>
      <c r="C4" s="519"/>
      <c r="D4" s="252"/>
      <c r="E4" s="584" t="s">
        <v>75</v>
      </c>
      <c r="F4" s="584"/>
      <c r="G4" s="253"/>
      <c r="H4" s="254"/>
      <c r="I4" s="584" t="s">
        <v>2</v>
      </c>
      <c r="J4" s="584"/>
      <c r="K4" s="89"/>
      <c r="L4" s="491" t="s">
        <v>160</v>
      </c>
      <c r="M4" s="550"/>
      <c r="N4" s="550"/>
      <c r="O4" s="574"/>
      <c r="P4" s="492" t="s">
        <v>13</v>
      </c>
      <c r="Q4" s="550"/>
      <c r="R4" s="550"/>
      <c r="S4" s="550"/>
    </row>
    <row r="5" spans="1:19" ht="15.75" customHeight="1" x14ac:dyDescent="0.15">
      <c r="A5" s="547"/>
      <c r="B5" s="494"/>
      <c r="C5" s="520"/>
      <c r="D5" s="255"/>
      <c r="E5" s="585"/>
      <c r="F5" s="585"/>
      <c r="G5" s="256"/>
      <c r="H5" s="141"/>
      <c r="I5" s="585"/>
      <c r="J5" s="585"/>
      <c r="K5" s="257"/>
      <c r="L5" s="575"/>
      <c r="M5" s="551"/>
      <c r="N5" s="551"/>
      <c r="O5" s="576"/>
      <c r="P5" s="551"/>
      <c r="Q5" s="551"/>
      <c r="R5" s="551"/>
      <c r="S5" s="551"/>
    </row>
    <row r="6" spans="1:19" ht="30" customHeight="1" x14ac:dyDescent="0.15">
      <c r="A6" s="547"/>
      <c r="B6" s="494"/>
      <c r="C6" s="520"/>
      <c r="D6" s="579" t="s">
        <v>161</v>
      </c>
      <c r="E6" s="580"/>
      <c r="F6" s="579" t="s">
        <v>162</v>
      </c>
      <c r="G6" s="581"/>
      <c r="H6" s="582" t="s">
        <v>161</v>
      </c>
      <c r="I6" s="580"/>
      <c r="J6" s="579" t="s">
        <v>162</v>
      </c>
      <c r="K6" s="582"/>
      <c r="L6" s="579" t="s">
        <v>161</v>
      </c>
      <c r="M6" s="580"/>
      <c r="N6" s="579" t="s">
        <v>162</v>
      </c>
      <c r="O6" s="582"/>
      <c r="P6" s="579" t="s">
        <v>161</v>
      </c>
      <c r="Q6" s="580"/>
      <c r="R6" s="579" t="s">
        <v>162</v>
      </c>
      <c r="S6" s="582"/>
    </row>
    <row r="7" spans="1:19" ht="10.5" customHeight="1" x14ac:dyDescent="0.15">
      <c r="A7" s="547"/>
      <c r="B7" s="494"/>
      <c r="C7" s="520"/>
      <c r="D7" s="39"/>
      <c r="E7" s="258" t="s">
        <v>163</v>
      </c>
      <c r="G7" s="259" t="s">
        <v>163</v>
      </c>
      <c r="H7" s="150"/>
      <c r="I7" s="258" t="s">
        <v>163</v>
      </c>
      <c r="J7" s="150"/>
      <c r="K7" s="258" t="s">
        <v>163</v>
      </c>
      <c r="L7" s="191"/>
      <c r="M7" s="258" t="s">
        <v>163</v>
      </c>
      <c r="N7" s="150"/>
      <c r="O7" s="258" t="s">
        <v>163</v>
      </c>
      <c r="P7" s="150"/>
      <c r="Q7" s="258" t="s">
        <v>163</v>
      </c>
      <c r="R7" s="150"/>
      <c r="S7" s="260" t="s">
        <v>163</v>
      </c>
    </row>
    <row r="8" spans="1:19" s="1" customFormat="1" ht="11.25" customHeight="1" x14ac:dyDescent="0.15">
      <c r="A8" s="547"/>
      <c r="B8" s="506" t="s">
        <v>164</v>
      </c>
      <c r="C8" s="524"/>
      <c r="D8" s="261"/>
      <c r="E8" s="92" t="s">
        <v>165</v>
      </c>
      <c r="F8" s="262"/>
      <c r="G8" s="263" t="s">
        <v>165</v>
      </c>
      <c r="H8" s="262"/>
      <c r="I8" s="92" t="s">
        <v>165</v>
      </c>
      <c r="J8" s="262"/>
      <c r="K8" s="92" t="s">
        <v>165</v>
      </c>
      <c r="L8" s="264"/>
      <c r="M8" s="92" t="s">
        <v>165</v>
      </c>
      <c r="N8" s="262"/>
      <c r="O8" s="92" t="s">
        <v>165</v>
      </c>
      <c r="P8" s="262"/>
      <c r="Q8" s="92" t="s">
        <v>165</v>
      </c>
      <c r="R8" s="262"/>
      <c r="S8" s="29" t="s">
        <v>165</v>
      </c>
    </row>
    <row r="9" spans="1:19" ht="15" customHeight="1" x14ac:dyDescent="0.15">
      <c r="A9" s="547"/>
      <c r="B9" s="265"/>
      <c r="C9" s="265"/>
      <c r="D9" s="39"/>
      <c r="E9" s="266"/>
      <c r="F9" s="129"/>
      <c r="G9" s="267"/>
      <c r="H9" s="129"/>
      <c r="I9" s="266"/>
      <c r="J9" s="129"/>
      <c r="K9" s="268"/>
      <c r="L9" s="269"/>
      <c r="M9" s="266"/>
      <c r="N9" s="129"/>
      <c r="O9" s="268"/>
      <c r="P9" s="129"/>
      <c r="Q9" s="266"/>
      <c r="S9" s="266"/>
    </row>
    <row r="10" spans="1:19" ht="30" customHeight="1" x14ac:dyDescent="0.15">
      <c r="A10" s="547"/>
      <c r="B10" s="270" t="s">
        <v>42</v>
      </c>
      <c r="C10" s="271" t="s">
        <v>166</v>
      </c>
      <c r="D10" s="272">
        <v>452947</v>
      </c>
      <c r="E10" s="273">
        <v>3.6</v>
      </c>
      <c r="F10" s="274">
        <v>135267</v>
      </c>
      <c r="G10" s="275">
        <v>9.6</v>
      </c>
      <c r="H10" s="274">
        <v>496000</v>
      </c>
      <c r="I10" s="273">
        <v>4.2</v>
      </c>
      <c r="J10" s="274">
        <v>181348</v>
      </c>
      <c r="K10" s="276">
        <v>5.5</v>
      </c>
      <c r="L10" s="272">
        <v>425261</v>
      </c>
      <c r="M10" s="273">
        <v>-0.7</v>
      </c>
      <c r="N10" s="274">
        <v>114486</v>
      </c>
      <c r="O10" s="276">
        <v>-0.5</v>
      </c>
      <c r="P10" s="274">
        <v>470216</v>
      </c>
      <c r="Q10" s="273">
        <v>5.6</v>
      </c>
      <c r="R10" s="274">
        <v>164167</v>
      </c>
      <c r="S10" s="273">
        <v>13.5</v>
      </c>
    </row>
    <row r="11" spans="1:19" ht="30" customHeight="1" x14ac:dyDescent="0.15">
      <c r="A11" s="547"/>
      <c r="B11" s="277" t="s">
        <v>38</v>
      </c>
      <c r="C11" s="278" t="s">
        <v>166</v>
      </c>
      <c r="D11" s="279">
        <v>418213</v>
      </c>
      <c r="E11" s="280">
        <v>1.9</v>
      </c>
      <c r="F11" s="281">
        <v>132903</v>
      </c>
      <c r="G11" s="282">
        <v>8.8000000000000007</v>
      </c>
      <c r="H11" s="281">
        <v>457972</v>
      </c>
      <c r="I11" s="280">
        <v>2.5</v>
      </c>
      <c r="J11" s="281">
        <v>172761</v>
      </c>
      <c r="K11" s="283">
        <v>1.4</v>
      </c>
      <c r="L11" s="279">
        <v>402489</v>
      </c>
      <c r="M11" s="280">
        <v>4.7</v>
      </c>
      <c r="N11" s="281">
        <v>114369</v>
      </c>
      <c r="O11" s="283">
        <v>-0.5</v>
      </c>
      <c r="P11" s="281">
        <v>388321</v>
      </c>
      <c r="Q11" s="280">
        <v>-1.5</v>
      </c>
      <c r="R11" s="281">
        <v>158846</v>
      </c>
      <c r="S11" s="280">
        <v>13.2</v>
      </c>
    </row>
    <row r="12" spans="1:19" ht="30" customHeight="1" x14ac:dyDescent="0.15">
      <c r="A12" s="547"/>
      <c r="B12" s="270" t="s">
        <v>167</v>
      </c>
      <c r="C12" s="271" t="s">
        <v>166</v>
      </c>
      <c r="D12" s="272">
        <v>382457</v>
      </c>
      <c r="E12" s="273">
        <v>2</v>
      </c>
      <c r="F12" s="274">
        <v>127769</v>
      </c>
      <c r="G12" s="275">
        <v>8.1999999999999993</v>
      </c>
      <c r="H12" s="274">
        <v>409034</v>
      </c>
      <c r="I12" s="273">
        <v>2.2999999999999998</v>
      </c>
      <c r="J12" s="274">
        <v>158993</v>
      </c>
      <c r="K12" s="276">
        <v>0.8</v>
      </c>
      <c r="L12" s="272">
        <v>368394</v>
      </c>
      <c r="M12" s="273">
        <v>4.0999999999999996</v>
      </c>
      <c r="N12" s="274">
        <v>112005</v>
      </c>
      <c r="O12" s="276">
        <v>-0.3</v>
      </c>
      <c r="P12" s="274">
        <v>362518</v>
      </c>
      <c r="Q12" s="273">
        <v>-1.3</v>
      </c>
      <c r="R12" s="274">
        <v>155488</v>
      </c>
      <c r="S12" s="273">
        <v>12.6</v>
      </c>
    </row>
    <row r="13" spans="1:19" ht="30" customHeight="1" x14ac:dyDescent="0.15">
      <c r="A13" s="547"/>
      <c r="B13" s="277" t="s">
        <v>168</v>
      </c>
      <c r="C13" s="278" t="s">
        <v>166</v>
      </c>
      <c r="D13" s="279">
        <v>35756</v>
      </c>
      <c r="E13" s="280" t="s">
        <v>169</v>
      </c>
      <c r="F13" s="281">
        <v>5134</v>
      </c>
      <c r="G13" s="282" t="s">
        <v>169</v>
      </c>
      <c r="H13" s="281">
        <v>48938</v>
      </c>
      <c r="I13" s="280" t="s">
        <v>169</v>
      </c>
      <c r="J13" s="281">
        <v>13768</v>
      </c>
      <c r="K13" s="283" t="s">
        <v>169</v>
      </c>
      <c r="L13" s="279">
        <v>34095</v>
      </c>
      <c r="M13" s="280" t="s">
        <v>169</v>
      </c>
      <c r="N13" s="281">
        <v>2364</v>
      </c>
      <c r="O13" s="283" t="s">
        <v>169</v>
      </c>
      <c r="P13" s="281">
        <v>25803</v>
      </c>
      <c r="Q13" s="280" t="s">
        <v>169</v>
      </c>
      <c r="R13" s="281">
        <v>3358</v>
      </c>
      <c r="S13" s="280" t="s">
        <v>169</v>
      </c>
    </row>
    <row r="14" spans="1:19" ht="30" customHeight="1" x14ac:dyDescent="0.15">
      <c r="A14" s="547"/>
      <c r="B14" s="270" t="s">
        <v>170</v>
      </c>
      <c r="C14" s="271" t="s">
        <v>166</v>
      </c>
      <c r="D14" s="272">
        <v>34734</v>
      </c>
      <c r="E14" s="273" t="s">
        <v>169</v>
      </c>
      <c r="F14" s="274">
        <v>2364</v>
      </c>
      <c r="G14" s="275" t="s">
        <v>169</v>
      </c>
      <c r="H14" s="274">
        <v>38028</v>
      </c>
      <c r="I14" s="273" t="s">
        <v>169</v>
      </c>
      <c r="J14" s="274">
        <v>8587</v>
      </c>
      <c r="K14" s="276" t="s">
        <v>169</v>
      </c>
      <c r="L14" s="272">
        <v>22772</v>
      </c>
      <c r="M14" s="273" t="s">
        <v>169</v>
      </c>
      <c r="N14" s="274">
        <v>117</v>
      </c>
      <c r="O14" s="276" t="s">
        <v>169</v>
      </c>
      <c r="P14" s="274">
        <v>81895</v>
      </c>
      <c r="Q14" s="273" t="s">
        <v>169</v>
      </c>
      <c r="R14" s="274">
        <v>5321</v>
      </c>
      <c r="S14" s="273" t="s">
        <v>169</v>
      </c>
    </row>
    <row r="15" spans="1:19" ht="15" customHeight="1" x14ac:dyDescent="0.15">
      <c r="A15" s="547"/>
      <c r="B15" s="277"/>
      <c r="C15" s="284"/>
      <c r="D15" s="285"/>
      <c r="E15" s="280"/>
      <c r="F15" s="286"/>
      <c r="G15" s="282"/>
      <c r="H15" s="286"/>
      <c r="I15" s="280"/>
      <c r="J15" s="286"/>
      <c r="K15" s="283"/>
      <c r="L15" s="285"/>
      <c r="M15" s="280"/>
      <c r="N15" s="286"/>
      <c r="O15" s="283"/>
      <c r="P15" s="286"/>
      <c r="Q15" s="280"/>
      <c r="R15" s="286"/>
      <c r="S15" s="280"/>
    </row>
    <row r="16" spans="1:19" ht="30" customHeight="1" x14ac:dyDescent="0.15">
      <c r="A16" s="547"/>
      <c r="B16" s="277" t="s">
        <v>133</v>
      </c>
      <c r="C16" s="278" t="s">
        <v>171</v>
      </c>
      <c r="D16" s="287">
        <v>18.399999999999999</v>
      </c>
      <c r="E16" s="280">
        <v>-1</v>
      </c>
      <c r="F16" s="288">
        <v>13</v>
      </c>
      <c r="G16" s="282">
        <v>-0.7</v>
      </c>
      <c r="H16" s="288">
        <v>18.7</v>
      </c>
      <c r="I16" s="280">
        <v>-0.9</v>
      </c>
      <c r="J16" s="288">
        <v>16.3</v>
      </c>
      <c r="K16" s="283">
        <v>-0.2</v>
      </c>
      <c r="L16" s="287">
        <v>19</v>
      </c>
      <c r="M16" s="280">
        <v>-0.7</v>
      </c>
      <c r="N16" s="288">
        <v>14</v>
      </c>
      <c r="O16" s="283">
        <v>-1</v>
      </c>
      <c r="P16" s="288">
        <v>18.100000000000001</v>
      </c>
      <c r="Q16" s="280">
        <v>-0.9</v>
      </c>
      <c r="R16" s="288">
        <v>12.6</v>
      </c>
      <c r="S16" s="280">
        <v>-0.7</v>
      </c>
    </row>
    <row r="17" spans="1:19" ht="30" customHeight="1" x14ac:dyDescent="0.15">
      <c r="A17" s="547"/>
      <c r="B17" s="270" t="s">
        <v>43</v>
      </c>
      <c r="C17" s="271" t="s">
        <v>172</v>
      </c>
      <c r="D17" s="289">
        <v>157.19999999999999</v>
      </c>
      <c r="E17" s="273">
        <v>-5</v>
      </c>
      <c r="F17" s="290">
        <v>80.8</v>
      </c>
      <c r="G17" s="275">
        <v>-1.3</v>
      </c>
      <c r="H17" s="290">
        <v>161.5</v>
      </c>
      <c r="I17" s="273">
        <v>-4.5999999999999996</v>
      </c>
      <c r="J17" s="290">
        <v>117.8</v>
      </c>
      <c r="K17" s="276">
        <v>-1</v>
      </c>
      <c r="L17" s="289">
        <v>163.6</v>
      </c>
      <c r="M17" s="273">
        <v>-2.8</v>
      </c>
      <c r="N17" s="290">
        <v>78</v>
      </c>
      <c r="O17" s="276">
        <v>-7.3</v>
      </c>
      <c r="P17" s="290">
        <v>148.19999999999999</v>
      </c>
      <c r="Q17" s="273">
        <v>-4.9000000000000004</v>
      </c>
      <c r="R17" s="290">
        <v>79.5</v>
      </c>
      <c r="S17" s="273">
        <v>-9.5</v>
      </c>
    </row>
    <row r="18" spans="1:19" ht="30" customHeight="1" x14ac:dyDescent="0.15">
      <c r="A18" s="547"/>
      <c r="B18" s="277" t="s">
        <v>173</v>
      </c>
      <c r="C18" s="278" t="s">
        <v>172</v>
      </c>
      <c r="D18" s="287">
        <v>140.69999999999999</v>
      </c>
      <c r="E18" s="280">
        <v>-5.3</v>
      </c>
      <c r="F18" s="288">
        <v>77.8</v>
      </c>
      <c r="G18" s="282">
        <v>-1.9</v>
      </c>
      <c r="H18" s="288">
        <v>144.80000000000001</v>
      </c>
      <c r="I18" s="280">
        <v>-4.7</v>
      </c>
      <c r="J18" s="288">
        <v>110.6</v>
      </c>
      <c r="K18" s="283">
        <v>0</v>
      </c>
      <c r="L18" s="287">
        <v>147.5</v>
      </c>
      <c r="M18" s="280">
        <v>-4.2</v>
      </c>
      <c r="N18" s="288">
        <v>76.3</v>
      </c>
      <c r="O18" s="283">
        <v>-7.4</v>
      </c>
      <c r="P18" s="288">
        <v>138.9</v>
      </c>
      <c r="Q18" s="280">
        <v>-3.9</v>
      </c>
      <c r="R18" s="288">
        <v>78.2</v>
      </c>
      <c r="S18" s="280">
        <v>-10</v>
      </c>
    </row>
    <row r="19" spans="1:19" ht="30" customHeight="1" x14ac:dyDescent="0.15">
      <c r="A19" s="547"/>
      <c r="B19" s="270" t="s">
        <v>40</v>
      </c>
      <c r="C19" s="271" t="s">
        <v>172</v>
      </c>
      <c r="D19" s="289">
        <v>16.5</v>
      </c>
      <c r="E19" s="273">
        <v>-2.9</v>
      </c>
      <c r="F19" s="290">
        <v>3</v>
      </c>
      <c r="G19" s="275">
        <v>15.4</v>
      </c>
      <c r="H19" s="290">
        <v>16.7</v>
      </c>
      <c r="I19" s="273">
        <v>-4</v>
      </c>
      <c r="J19" s="290">
        <v>7.2</v>
      </c>
      <c r="K19" s="276">
        <v>-14.3</v>
      </c>
      <c r="L19" s="289">
        <v>16.100000000000001</v>
      </c>
      <c r="M19" s="273">
        <v>12.6</v>
      </c>
      <c r="N19" s="290">
        <v>1.7</v>
      </c>
      <c r="O19" s="276">
        <v>0</v>
      </c>
      <c r="P19" s="290">
        <v>9.3000000000000007</v>
      </c>
      <c r="Q19" s="273">
        <v>-18.399999999999999</v>
      </c>
      <c r="R19" s="290">
        <v>1.3</v>
      </c>
      <c r="S19" s="273">
        <v>18.2</v>
      </c>
    </row>
    <row r="20" spans="1:19" ht="15" customHeight="1" x14ac:dyDescent="0.15">
      <c r="A20" s="547"/>
      <c r="B20" s="277"/>
      <c r="C20" s="278"/>
      <c r="D20" s="285"/>
      <c r="E20" s="280"/>
      <c r="F20" s="286"/>
      <c r="G20" s="282"/>
      <c r="H20" s="286"/>
      <c r="I20" s="280"/>
      <c r="J20" s="286"/>
      <c r="K20" s="283"/>
      <c r="L20" s="285"/>
      <c r="M20" s="280"/>
      <c r="N20" s="288"/>
      <c r="O20" s="283"/>
      <c r="P20" s="286"/>
      <c r="Q20" s="280"/>
      <c r="R20" s="286"/>
      <c r="S20" s="280"/>
    </row>
    <row r="21" spans="1:19" ht="30" customHeight="1" x14ac:dyDescent="0.15">
      <c r="A21" s="547"/>
      <c r="B21" s="277" t="s">
        <v>152</v>
      </c>
      <c r="C21" s="278" t="s">
        <v>174</v>
      </c>
      <c r="D21" s="296">
        <v>1369835</v>
      </c>
      <c r="E21" s="292">
        <v>-0.5</v>
      </c>
      <c r="F21" s="297">
        <v>540310</v>
      </c>
      <c r="G21" s="294">
        <v>-1.9</v>
      </c>
      <c r="H21" s="297">
        <v>276039</v>
      </c>
      <c r="I21" s="292">
        <v>-1.6</v>
      </c>
      <c r="J21" s="297">
        <v>39043</v>
      </c>
      <c r="K21" s="295">
        <v>9.9</v>
      </c>
      <c r="L21" s="296">
        <v>130177</v>
      </c>
      <c r="M21" s="292">
        <v>10.6</v>
      </c>
      <c r="N21" s="297">
        <v>135777</v>
      </c>
      <c r="O21" s="295">
        <v>-11.9</v>
      </c>
      <c r="P21" s="297">
        <v>219096</v>
      </c>
      <c r="Q21" s="292">
        <v>-10</v>
      </c>
      <c r="R21" s="297">
        <v>102087</v>
      </c>
      <c r="S21" s="292">
        <v>21.9</v>
      </c>
    </row>
    <row r="22" spans="1:19" ht="30" customHeight="1" x14ac:dyDescent="0.15">
      <c r="A22" s="547"/>
      <c r="B22" s="270" t="s">
        <v>175</v>
      </c>
      <c r="C22" s="271" t="s">
        <v>176</v>
      </c>
      <c r="D22" s="317">
        <v>0.86</v>
      </c>
      <c r="E22" s="318">
        <v>-0.17</v>
      </c>
      <c r="F22" s="303">
        <v>2.2200000000000002</v>
      </c>
      <c r="G22" s="319">
        <v>-0.11</v>
      </c>
      <c r="H22" s="303">
        <v>0.64</v>
      </c>
      <c r="I22" s="303">
        <v>0</v>
      </c>
      <c r="J22" s="303">
        <v>2.88</v>
      </c>
      <c r="K22" s="304">
        <v>1.58</v>
      </c>
      <c r="L22" s="302">
        <v>0.65</v>
      </c>
      <c r="M22" s="303">
        <v>-0.5</v>
      </c>
      <c r="N22" s="303">
        <v>1.32</v>
      </c>
      <c r="O22" s="304">
        <v>-7.0000000000000007E-2</v>
      </c>
      <c r="P22" s="303">
        <v>0.37</v>
      </c>
      <c r="Q22" s="303">
        <v>-0.41</v>
      </c>
      <c r="R22" s="303">
        <v>1.1499999999999999</v>
      </c>
      <c r="S22" s="303">
        <v>0.02</v>
      </c>
    </row>
    <row r="23" spans="1:19" ht="30" customHeight="1" x14ac:dyDescent="0.15">
      <c r="A23" s="547"/>
      <c r="B23" s="277" t="s">
        <v>151</v>
      </c>
      <c r="C23" s="278" t="s">
        <v>176</v>
      </c>
      <c r="D23" s="320">
        <v>1.01</v>
      </c>
      <c r="E23" s="321">
        <v>0.02</v>
      </c>
      <c r="F23" s="310">
        <v>1.98</v>
      </c>
      <c r="G23" s="322">
        <v>0.08</v>
      </c>
      <c r="H23" s="310">
        <v>0.68</v>
      </c>
      <c r="I23" s="310">
        <v>-0.35</v>
      </c>
      <c r="J23" s="310">
        <v>1.66</v>
      </c>
      <c r="K23" s="311">
        <v>0.09</v>
      </c>
      <c r="L23" s="309">
        <v>0.54</v>
      </c>
      <c r="M23" s="310">
        <v>-0.41</v>
      </c>
      <c r="N23" s="310">
        <v>1.64</v>
      </c>
      <c r="O23" s="311">
        <v>0.54</v>
      </c>
      <c r="P23" s="310">
        <v>1.01</v>
      </c>
      <c r="Q23" s="310">
        <v>0.49</v>
      </c>
      <c r="R23" s="310">
        <v>0.3</v>
      </c>
      <c r="S23" s="310">
        <v>-1.61</v>
      </c>
    </row>
    <row r="24" spans="1:19" ht="15" customHeight="1" thickBot="1" x14ac:dyDescent="0.2">
      <c r="A24" s="547"/>
      <c r="B24" s="312"/>
      <c r="C24" s="313"/>
      <c r="D24" s="123"/>
      <c r="E24" s="76"/>
      <c r="F24" s="76"/>
      <c r="G24" s="314"/>
      <c r="H24" s="76"/>
      <c r="I24" s="76"/>
      <c r="J24" s="76"/>
      <c r="K24" s="77"/>
      <c r="L24" s="123"/>
      <c r="M24" s="76"/>
      <c r="N24" s="76"/>
      <c r="O24" s="77"/>
      <c r="P24" s="76"/>
      <c r="Q24" s="76"/>
      <c r="R24" s="76"/>
      <c r="S24" s="76"/>
    </row>
    <row r="25" spans="1:19" ht="15" customHeight="1" x14ac:dyDescent="0.15">
      <c r="A25" s="315"/>
    </row>
    <row r="26" spans="1:19" ht="15" customHeight="1" x14ac:dyDescent="0.15">
      <c r="A26" s="315"/>
      <c r="B26" s="316"/>
      <c r="C26" s="316"/>
      <c r="D26" s="316"/>
      <c r="E26" s="316"/>
      <c r="F26" s="316"/>
      <c r="G26" s="316"/>
      <c r="H26" s="316"/>
      <c r="I26" s="316"/>
      <c r="J26" s="316"/>
    </row>
    <row r="27" spans="1:19" ht="15" customHeight="1" x14ac:dyDescent="0.15">
      <c r="A27" s="315"/>
      <c r="B27" s="586"/>
      <c r="C27" s="587"/>
      <c r="D27" s="587"/>
      <c r="E27" s="587"/>
      <c r="F27" s="587"/>
      <c r="G27" s="587"/>
      <c r="H27" s="587"/>
      <c r="I27" s="587"/>
      <c r="J27" s="587"/>
      <c r="K27" s="587"/>
      <c r="L27" s="587"/>
      <c r="M27" s="587"/>
      <c r="N27" s="587"/>
    </row>
  </sheetData>
  <mergeCells count="18">
    <mergeCell ref="B27:N27"/>
    <mergeCell ref="H6:I6"/>
    <mergeCell ref="J6:K6"/>
    <mergeCell ref="L6:M6"/>
    <mergeCell ref="N6:O6"/>
    <mergeCell ref="D6:E6"/>
    <mergeCell ref="F6:G6"/>
    <mergeCell ref="P6:Q6"/>
    <mergeCell ref="R6:S6"/>
    <mergeCell ref="A1:A24"/>
    <mergeCell ref="B1:S1"/>
    <mergeCell ref="B3:C3"/>
    <mergeCell ref="B4:C7"/>
    <mergeCell ref="E4:F5"/>
    <mergeCell ref="I4:J5"/>
    <mergeCell ref="L4:O5"/>
    <mergeCell ref="P4:S5"/>
    <mergeCell ref="B8:C8"/>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8</vt:i4>
      </vt:variant>
    </vt:vector>
  </HeadingPairs>
  <TitlesOfParts>
    <vt:vector size="36" baseType="lpstr">
      <vt:lpstr>第1表</vt:lpstr>
      <vt:lpstr>第2-1表</vt:lpstr>
      <vt:lpstr>第2-2表</vt:lpstr>
      <vt:lpstr>第3-1表</vt:lpstr>
      <vt:lpstr>第3-2表</vt:lpstr>
      <vt:lpstr>第4-1表</vt:lpstr>
      <vt:lpstr>第4-2表</vt:lpstr>
      <vt:lpstr>第5-1表</vt:lpstr>
      <vt:lpstr>第5-2表</vt:lpstr>
      <vt:lpstr>第6-1表</vt:lpstr>
      <vt:lpstr>第6-2表</vt:lpstr>
      <vt:lpstr>第6-3表</vt:lpstr>
      <vt:lpstr>第6-4表</vt:lpstr>
      <vt:lpstr>第7-1表</vt:lpstr>
      <vt:lpstr>第7-2表</vt:lpstr>
      <vt:lpstr>第7-3表</vt:lpstr>
      <vt:lpstr>第8表</vt:lpstr>
      <vt:lpstr>参考資料</vt:lpstr>
      <vt:lpstr>参考資料!Print_Area</vt:lpstr>
      <vt:lpstr>第1表!Print_Area</vt:lpstr>
      <vt:lpstr>'第2-1表'!Print_Area</vt:lpstr>
      <vt:lpstr>'第2-2表'!Print_Area</vt:lpstr>
      <vt:lpstr>'第3-1表'!Print_Area</vt:lpstr>
      <vt:lpstr>'第3-2表'!Print_Area</vt:lpstr>
      <vt:lpstr>'第4-1表'!Print_Area</vt:lpstr>
      <vt:lpstr>'第4-2表'!Print_Area</vt:lpstr>
      <vt:lpstr>'第5-1表'!Print_Area</vt:lpstr>
      <vt:lpstr>'第5-2表'!Print_Area</vt:lpstr>
      <vt:lpstr>'第6-1表'!Print_Area</vt:lpstr>
      <vt:lpstr>'第6-2表'!Print_Area</vt:lpstr>
      <vt:lpstr>'第6-3表'!Print_Area</vt:lpstr>
      <vt:lpstr>'第6-4表'!Print_Area</vt:lpstr>
      <vt:lpstr>'第7-1表'!Print_Area</vt:lpstr>
      <vt:lpstr>'第7-2表'!Print_Area</vt:lpstr>
      <vt:lpstr>'第7-3表'!Print_Area</vt:lpstr>
      <vt:lpstr>第8表!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1-19T07:33:30Z</cp:lastPrinted>
  <dcterms:created xsi:type="dcterms:W3CDTF">2026-01-19T05:55:01Z</dcterms:created>
  <dcterms:modified xsi:type="dcterms:W3CDTF">2026-01-19T07:36:30Z</dcterms:modified>
</cp:coreProperties>
</file>